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theme/theme2.xml" ContentType="application/vnd.openxmlformats-officedocument.theme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theme/theme3.xml" ContentType="application/vnd.openxmlformats-officedocument.theme+xml"/>
  <Override PartName="/ppt/slideLayouts/slideLayout60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notesSlides/notesSlide6.xml" ContentType="application/vnd.openxmlformats-officedocument.presentationml.notesSlide+xml"/>
  <Override PartName="/ppt/tags/tag2.xml" ContentType="application/vnd.openxmlformats-officedocument.presentationml.tags+xml"/>
  <Override PartName="/ppt/notesSlides/notesSlide7.xml" ContentType="application/vnd.openxmlformats-officedocument.presentationml.notesSlide+xml"/>
  <Override PartName="/ppt/tags/tag3.xml" ContentType="application/vnd.openxmlformats-officedocument.presentationml.tags+xml"/>
  <Override PartName="/ppt/notesSlides/notesSlide8.xml" ContentType="application/vnd.openxmlformats-officedocument.presentationml.notesSlide+xml"/>
  <Override PartName="/ppt/tags/tag4.xml" ContentType="application/vnd.openxmlformats-officedocument.presentationml.tags+xml"/>
  <Override PartName="/ppt/notesSlides/notesSlide9.xml" ContentType="application/vnd.openxmlformats-officedocument.presentationml.notesSlide+xml"/>
  <Override PartName="/ppt/tags/tag5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tags/tag6.xml" ContentType="application/vnd.openxmlformats-officedocument.presentationml.tag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675" r:id="rId5"/>
    <p:sldMasterId id="2147483704" r:id="rId6"/>
    <p:sldMasterId id="2147483676" r:id="rId7"/>
  </p:sldMasterIdLst>
  <p:notesMasterIdLst>
    <p:notesMasterId r:id="rId23"/>
  </p:notesMasterIdLst>
  <p:handoutMasterIdLst>
    <p:handoutMasterId r:id="rId24"/>
  </p:handoutMasterIdLst>
  <p:sldIdLst>
    <p:sldId id="342" r:id="rId8"/>
    <p:sldId id="397" r:id="rId9"/>
    <p:sldId id="343" r:id="rId10"/>
    <p:sldId id="344" r:id="rId11"/>
    <p:sldId id="345" r:id="rId12"/>
    <p:sldId id="270" r:id="rId13"/>
    <p:sldId id="385" r:id="rId14"/>
    <p:sldId id="283" r:id="rId15"/>
    <p:sldId id="378" r:id="rId16"/>
    <p:sldId id="284" r:id="rId17"/>
    <p:sldId id="331" r:id="rId18"/>
    <p:sldId id="265" r:id="rId19"/>
    <p:sldId id="393" r:id="rId20"/>
    <p:sldId id="379" r:id="rId21"/>
    <p:sldId id="395" r:id="rId22"/>
  </p:sldIdLst>
  <p:sldSz cx="12192000" cy="6858000"/>
  <p:notesSz cx="6858000" cy="9144000"/>
  <p:defaultTextStyle>
    <a:defPPr rtl="0">
      <a:defRPr lang="en-GB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1" name="Författare" initials="A" lastIdx="0" clrIdx="1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DFDFD"/>
    <a:srgbClr val="006EB6"/>
    <a:srgbClr val="ADCFF1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07" d="100"/>
          <a:sy n="107" d="100"/>
        </p:scale>
        <p:origin x="714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4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commentAuthors" Target="commentAuthors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4.xml"/><Relationship Id="rId24" Type="http://schemas.openxmlformats.org/officeDocument/2006/relationships/handoutMaster" Target="handoutMasters/handoutMaster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8.xml"/><Relationship Id="rId23" Type="http://schemas.openxmlformats.org/officeDocument/2006/relationships/notesMaster" Target="notesMasters/notesMaster1.xml"/><Relationship Id="rId28" Type="http://schemas.openxmlformats.org/officeDocument/2006/relationships/theme" Target="theme/theme1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viewProps" Target="viewProps.xml"/><Relationship Id="rId30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Kadri Sikk" userId="25e6e5b7-e540-42c9-b3db-9852d1949106" providerId="ADAL" clId="{3A77BC6F-F8DC-4CE2-A8FD-461558D4E27F}"/>
    <pc:docChg chg="undo redo custSel addSld delSld modSld sldOrd">
      <pc:chgData name="Kadri Sikk" userId="25e6e5b7-e540-42c9-b3db-9852d1949106" providerId="ADAL" clId="{3A77BC6F-F8DC-4CE2-A8FD-461558D4E27F}" dt="2026-04-07T12:16:01.017" v="4534" actId="20577"/>
      <pc:docMkLst>
        <pc:docMk/>
      </pc:docMkLst>
      <pc:sldChg chg="modSp mod ord">
        <pc:chgData name="Kadri Sikk" userId="25e6e5b7-e540-42c9-b3db-9852d1949106" providerId="ADAL" clId="{3A77BC6F-F8DC-4CE2-A8FD-461558D4E27F}" dt="2026-04-03T08:55:18.826" v="3868" actId="20577"/>
        <pc:sldMkLst>
          <pc:docMk/>
          <pc:sldMk cId="2729703931" sldId="265"/>
        </pc:sldMkLst>
        <pc:spChg chg="mod">
          <ac:chgData name="Kadri Sikk" userId="25e6e5b7-e540-42c9-b3db-9852d1949106" providerId="ADAL" clId="{3A77BC6F-F8DC-4CE2-A8FD-461558D4E27F}" dt="2026-04-03T08:52:26.840" v="3388" actId="20577"/>
          <ac:spMkLst>
            <pc:docMk/>
            <pc:sldMk cId="2729703931" sldId="265"/>
            <ac:spMk id="2" creationId="{00000000-0000-0000-0000-000000000000}"/>
          </ac:spMkLst>
        </pc:spChg>
        <pc:spChg chg="mod">
          <ac:chgData name="Kadri Sikk" userId="25e6e5b7-e540-42c9-b3db-9852d1949106" providerId="ADAL" clId="{3A77BC6F-F8DC-4CE2-A8FD-461558D4E27F}" dt="2026-04-03T08:55:18.826" v="3868" actId="20577"/>
          <ac:spMkLst>
            <pc:docMk/>
            <pc:sldMk cId="2729703931" sldId="265"/>
            <ac:spMk id="3" creationId="{00000000-0000-0000-0000-000000000000}"/>
          </ac:spMkLst>
        </pc:spChg>
      </pc:sldChg>
      <pc:sldChg chg="modSp mod">
        <pc:chgData name="Kadri Sikk" userId="25e6e5b7-e540-42c9-b3db-9852d1949106" providerId="ADAL" clId="{3A77BC6F-F8DC-4CE2-A8FD-461558D4E27F}" dt="2026-04-07T12:16:01.017" v="4534" actId="20577"/>
        <pc:sldMkLst>
          <pc:docMk/>
          <pc:sldMk cId="1501573773" sldId="270"/>
        </pc:sldMkLst>
        <pc:spChg chg="mod">
          <ac:chgData name="Kadri Sikk" userId="25e6e5b7-e540-42c9-b3db-9852d1949106" providerId="ADAL" clId="{3A77BC6F-F8DC-4CE2-A8FD-461558D4E27F}" dt="2026-04-03T08:29:59.220" v="1030" actId="20577"/>
          <ac:spMkLst>
            <pc:docMk/>
            <pc:sldMk cId="1501573773" sldId="270"/>
            <ac:spMk id="2" creationId="{00000000-0000-0000-0000-000000000000}"/>
          </ac:spMkLst>
        </pc:spChg>
        <pc:spChg chg="mod">
          <ac:chgData name="Kadri Sikk" userId="25e6e5b7-e540-42c9-b3db-9852d1949106" providerId="ADAL" clId="{3A77BC6F-F8DC-4CE2-A8FD-461558D4E27F}" dt="2026-04-07T12:16:01.017" v="4534" actId="20577"/>
          <ac:spMkLst>
            <pc:docMk/>
            <pc:sldMk cId="1501573773" sldId="270"/>
            <ac:spMk id="3" creationId="{00000000-0000-0000-0000-000000000000}"/>
          </ac:spMkLst>
        </pc:spChg>
      </pc:sldChg>
      <pc:sldChg chg="modSp mod">
        <pc:chgData name="Kadri Sikk" userId="25e6e5b7-e540-42c9-b3db-9852d1949106" providerId="ADAL" clId="{3A77BC6F-F8DC-4CE2-A8FD-461558D4E27F}" dt="2026-04-03T08:42:24.060" v="2218" actId="20577"/>
        <pc:sldMkLst>
          <pc:docMk/>
          <pc:sldMk cId="291635353" sldId="283"/>
        </pc:sldMkLst>
        <pc:spChg chg="mod">
          <ac:chgData name="Kadri Sikk" userId="25e6e5b7-e540-42c9-b3db-9852d1949106" providerId="ADAL" clId="{3A77BC6F-F8DC-4CE2-A8FD-461558D4E27F}" dt="2026-04-03T08:42:21.287" v="2215" actId="20577"/>
          <ac:spMkLst>
            <pc:docMk/>
            <pc:sldMk cId="291635353" sldId="283"/>
            <ac:spMk id="2" creationId="{00000000-0000-0000-0000-000000000000}"/>
          </ac:spMkLst>
        </pc:spChg>
        <pc:spChg chg="mod">
          <ac:chgData name="Kadri Sikk" userId="25e6e5b7-e540-42c9-b3db-9852d1949106" providerId="ADAL" clId="{3A77BC6F-F8DC-4CE2-A8FD-461558D4E27F}" dt="2026-04-03T08:42:24.060" v="2218" actId="20577"/>
          <ac:spMkLst>
            <pc:docMk/>
            <pc:sldMk cId="291635353" sldId="283"/>
            <ac:spMk id="3" creationId="{00000000-0000-0000-0000-000000000000}"/>
          </ac:spMkLst>
        </pc:spChg>
      </pc:sldChg>
      <pc:sldChg chg="modSp mod">
        <pc:chgData name="Kadri Sikk" userId="25e6e5b7-e540-42c9-b3db-9852d1949106" providerId="ADAL" clId="{3A77BC6F-F8DC-4CE2-A8FD-461558D4E27F}" dt="2026-04-03T08:50:50.320" v="3344" actId="20577"/>
        <pc:sldMkLst>
          <pc:docMk/>
          <pc:sldMk cId="1212445297" sldId="284"/>
        </pc:sldMkLst>
        <pc:spChg chg="mod">
          <ac:chgData name="Kadri Sikk" userId="25e6e5b7-e540-42c9-b3db-9852d1949106" providerId="ADAL" clId="{3A77BC6F-F8DC-4CE2-A8FD-461558D4E27F}" dt="2026-04-03T08:46:11.572" v="2723" actId="20577"/>
          <ac:spMkLst>
            <pc:docMk/>
            <pc:sldMk cId="1212445297" sldId="284"/>
            <ac:spMk id="2" creationId="{00000000-0000-0000-0000-000000000000}"/>
          </ac:spMkLst>
        </pc:spChg>
        <pc:spChg chg="mod">
          <ac:chgData name="Kadri Sikk" userId="25e6e5b7-e540-42c9-b3db-9852d1949106" providerId="ADAL" clId="{3A77BC6F-F8DC-4CE2-A8FD-461558D4E27F}" dt="2026-04-03T08:50:50.320" v="3344" actId="20577"/>
          <ac:spMkLst>
            <pc:docMk/>
            <pc:sldMk cId="1212445297" sldId="284"/>
            <ac:spMk id="3" creationId="{00000000-0000-0000-0000-000000000000}"/>
          </ac:spMkLst>
        </pc:spChg>
      </pc:sldChg>
      <pc:sldChg chg="del">
        <pc:chgData name="Kadri Sikk" userId="25e6e5b7-e540-42c9-b3db-9852d1949106" providerId="ADAL" clId="{3A77BC6F-F8DC-4CE2-A8FD-461558D4E27F}" dt="2026-04-03T08:56:10.810" v="3872" actId="47"/>
        <pc:sldMkLst>
          <pc:docMk/>
          <pc:sldMk cId="937032260" sldId="296"/>
        </pc:sldMkLst>
      </pc:sldChg>
      <pc:sldChg chg="del">
        <pc:chgData name="Kadri Sikk" userId="25e6e5b7-e540-42c9-b3db-9852d1949106" providerId="ADAL" clId="{3A77BC6F-F8DC-4CE2-A8FD-461558D4E27F}" dt="2026-04-03T08:55:45.923" v="3871" actId="47"/>
        <pc:sldMkLst>
          <pc:docMk/>
          <pc:sldMk cId="54080763" sldId="328"/>
        </pc:sldMkLst>
      </pc:sldChg>
      <pc:sldChg chg="modSp mod">
        <pc:chgData name="Kadri Sikk" userId="25e6e5b7-e540-42c9-b3db-9852d1949106" providerId="ADAL" clId="{3A77BC6F-F8DC-4CE2-A8FD-461558D4E27F}" dt="2026-04-07T08:21:47.517" v="4450"/>
        <pc:sldMkLst>
          <pc:docMk/>
          <pc:sldMk cId="707328352" sldId="331"/>
        </pc:sldMkLst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707328352" sldId="331"/>
            <ac:spMk id="4" creationId="{636C9B72-ED9D-0D65-B1CC-538FA3CA0693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707328352" sldId="331"/>
            <ac:spMk id="6" creationId="{0C812BB2-DD4A-1C9A-EC41-18D87584F23E}"/>
          </ac:spMkLst>
        </pc:spChg>
        <pc:spChg chg="mod">
          <ac:chgData name="Kadri Sikk" userId="25e6e5b7-e540-42c9-b3db-9852d1949106" providerId="ADAL" clId="{3A77BC6F-F8DC-4CE2-A8FD-461558D4E27F}" dt="2026-04-03T08:52:12.320" v="3376" actId="20577"/>
          <ac:spMkLst>
            <pc:docMk/>
            <pc:sldMk cId="707328352" sldId="331"/>
            <ac:spMk id="10" creationId="{211B2D49-F110-9EA9-3D6D-B81E0846E9C5}"/>
          </ac:spMkLst>
        </pc:spChg>
        <pc:picChg chg="mod">
          <ac:chgData name="Kadri Sikk" userId="25e6e5b7-e540-42c9-b3db-9852d1949106" providerId="ADAL" clId="{3A77BC6F-F8DC-4CE2-A8FD-461558D4E27F}" dt="2026-04-07T08:21:47.517" v="4450"/>
          <ac:picMkLst>
            <pc:docMk/>
            <pc:sldMk cId="707328352" sldId="331"/>
            <ac:picMk id="13" creationId="{C3FC778A-ADF4-38E2-6B53-B5CBB9F4E681}"/>
          </ac:picMkLst>
        </pc:picChg>
      </pc:sldChg>
      <pc:sldChg chg="addSp delSp modSp mod setBg">
        <pc:chgData name="Kadri Sikk" userId="25e6e5b7-e540-42c9-b3db-9852d1949106" providerId="ADAL" clId="{3A77BC6F-F8DC-4CE2-A8FD-461558D4E27F}" dt="2026-04-07T08:23:58.067" v="4470" actId="14100"/>
        <pc:sldMkLst>
          <pc:docMk/>
          <pc:sldMk cId="3548034185" sldId="342"/>
        </pc:sldMkLst>
        <pc:spChg chg="add del mod">
          <ac:chgData name="Kadri Sikk" userId="25e6e5b7-e540-42c9-b3db-9852d1949106" providerId="ADAL" clId="{3A77BC6F-F8DC-4CE2-A8FD-461558D4E27F}" dt="2026-04-07T08:22:08.527" v="4453" actId="478"/>
          <ac:spMkLst>
            <pc:docMk/>
            <pc:sldMk cId="3548034185" sldId="342"/>
            <ac:spMk id="4" creationId="{0D35CCEB-C9AB-75AC-ECD9-9998A51B6C64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3548034185" sldId="342"/>
            <ac:spMk id="5" creationId="{00000000-0000-0000-0000-000000000000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3548034185" sldId="342"/>
            <ac:spMk id="7" creationId="{00000000-0000-0000-0000-000000000000}"/>
          </ac:spMkLst>
        </pc:spChg>
        <pc:spChg chg="del mod">
          <ac:chgData name="Kadri Sikk" userId="25e6e5b7-e540-42c9-b3db-9852d1949106" providerId="ADAL" clId="{3A77BC6F-F8DC-4CE2-A8FD-461558D4E27F}" dt="2026-04-07T08:22:18.228" v="4456" actId="478"/>
          <ac:spMkLst>
            <pc:docMk/>
            <pc:sldMk cId="3548034185" sldId="342"/>
            <ac:spMk id="9" creationId="{FFE57A96-4F30-9B8E-6723-29237C63C606}"/>
          </ac:spMkLst>
        </pc:spChg>
        <pc:spChg chg="add del mod">
          <ac:chgData name="Kadri Sikk" userId="25e6e5b7-e540-42c9-b3db-9852d1949106" providerId="ADAL" clId="{3A77BC6F-F8DC-4CE2-A8FD-461558D4E27F}" dt="2026-04-07T08:22:40.404" v="4458" actId="478"/>
          <ac:spMkLst>
            <pc:docMk/>
            <pc:sldMk cId="3548034185" sldId="342"/>
            <ac:spMk id="10" creationId="{4146687F-7959-7B32-1626-491378B063FA}"/>
          </ac:spMkLst>
        </pc:spChg>
        <pc:spChg chg="add mod">
          <ac:chgData name="Kadri Sikk" userId="25e6e5b7-e540-42c9-b3db-9852d1949106" providerId="ADAL" clId="{3A77BC6F-F8DC-4CE2-A8FD-461558D4E27F}" dt="2026-04-07T08:23:58.067" v="4470" actId="14100"/>
          <ac:spMkLst>
            <pc:docMk/>
            <pc:sldMk cId="3548034185" sldId="342"/>
            <ac:spMk id="12" creationId="{3C27AAD1-0183-3131-9CFE-4AE70860741A}"/>
          </ac:spMkLst>
        </pc:spChg>
        <pc:picChg chg="del mod">
          <ac:chgData name="Kadri Sikk" userId="25e6e5b7-e540-42c9-b3db-9852d1949106" providerId="ADAL" clId="{3A77BC6F-F8DC-4CE2-A8FD-461558D4E27F}" dt="2026-04-07T08:22:06.313" v="4452" actId="478"/>
          <ac:picMkLst>
            <pc:docMk/>
            <pc:sldMk cId="3548034185" sldId="342"/>
            <ac:picMk id="6" creationId="{2593EBA2-F480-9B9A-E346-AA54FD41280E}"/>
          </ac:picMkLst>
        </pc:picChg>
        <pc:picChg chg="add mod">
          <ac:chgData name="Kadri Sikk" userId="25e6e5b7-e540-42c9-b3db-9852d1949106" providerId="ADAL" clId="{3A77BC6F-F8DC-4CE2-A8FD-461558D4E27F}" dt="2026-04-07T08:23:48.714" v="4469" actId="14100"/>
          <ac:picMkLst>
            <pc:docMk/>
            <pc:sldMk cId="3548034185" sldId="342"/>
            <ac:picMk id="14" creationId="{3BD6AEE6-3EF6-4640-77FD-BABE6B5316BD}"/>
          </ac:picMkLst>
        </pc:picChg>
      </pc:sldChg>
      <pc:sldChg chg="delSp modSp mod">
        <pc:chgData name="Kadri Sikk" userId="25e6e5b7-e540-42c9-b3db-9852d1949106" providerId="ADAL" clId="{3A77BC6F-F8DC-4CE2-A8FD-461558D4E27F}" dt="2026-04-07T12:15:27.341" v="4527" actId="20577"/>
        <pc:sldMkLst>
          <pc:docMk/>
          <pc:sldMk cId="444488285" sldId="343"/>
        </pc:sldMkLst>
        <pc:spChg chg="mod">
          <ac:chgData name="Kadri Sikk" userId="25e6e5b7-e540-42c9-b3db-9852d1949106" providerId="ADAL" clId="{3A77BC6F-F8DC-4CE2-A8FD-461558D4E27F}" dt="2026-04-03T08:20:57.899" v="44" actId="255"/>
          <ac:spMkLst>
            <pc:docMk/>
            <pc:sldMk cId="444488285" sldId="343"/>
            <ac:spMk id="2" creationId="{65A950C4-B1B9-D995-7144-0D9224CA6135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444488285" sldId="343"/>
            <ac:spMk id="5" creationId="{B61D414A-2C39-FDBB-ECE3-0310D512B43F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444488285" sldId="343"/>
            <ac:spMk id="7" creationId="{76F88320-4470-1F3E-251E-93B613FB088C}"/>
          </ac:spMkLst>
        </pc:spChg>
        <pc:spChg chg="mod">
          <ac:chgData name="Kadri Sikk" userId="25e6e5b7-e540-42c9-b3db-9852d1949106" providerId="ADAL" clId="{3A77BC6F-F8DC-4CE2-A8FD-461558D4E27F}" dt="2026-04-07T12:15:27.341" v="4527" actId="20577"/>
          <ac:spMkLst>
            <pc:docMk/>
            <pc:sldMk cId="444488285" sldId="343"/>
            <ac:spMk id="14" creationId="{53143687-8DE8-6A6A-1C88-ACCD6E8C939B}"/>
          </ac:spMkLst>
        </pc:spChg>
        <pc:picChg chg="mod">
          <ac:chgData name="Kadri Sikk" userId="25e6e5b7-e540-42c9-b3db-9852d1949106" providerId="ADAL" clId="{3A77BC6F-F8DC-4CE2-A8FD-461558D4E27F}" dt="2026-04-07T08:21:47.517" v="4450"/>
          <ac:picMkLst>
            <pc:docMk/>
            <pc:sldMk cId="444488285" sldId="343"/>
            <ac:picMk id="31" creationId="{98C082E3-7369-C4E9-2D7C-F26C05CD0FE6}"/>
          </ac:picMkLst>
        </pc:picChg>
      </pc:sldChg>
      <pc:sldChg chg="modSp mod">
        <pc:chgData name="Kadri Sikk" userId="25e6e5b7-e540-42c9-b3db-9852d1949106" providerId="ADAL" clId="{3A77BC6F-F8DC-4CE2-A8FD-461558D4E27F}" dt="2026-04-07T08:21:47.517" v="4450"/>
        <pc:sldMkLst>
          <pc:docMk/>
          <pc:sldMk cId="1607415250" sldId="344"/>
        </pc:sldMkLst>
        <pc:spChg chg="mod">
          <ac:chgData name="Kadri Sikk" userId="25e6e5b7-e540-42c9-b3db-9852d1949106" providerId="ADAL" clId="{3A77BC6F-F8DC-4CE2-A8FD-461558D4E27F}" dt="2026-04-03T08:23:34.056" v="335" actId="20577"/>
          <ac:spMkLst>
            <pc:docMk/>
            <pc:sldMk cId="1607415250" sldId="344"/>
            <ac:spMk id="2" creationId="{BFE13D70-BF28-C908-7B7B-4A25DF5001BF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1607415250" sldId="344"/>
            <ac:spMk id="5" creationId="{577B7500-D583-D2BC-1987-06CA66F3D6D9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1607415250" sldId="344"/>
            <ac:spMk id="7" creationId="{6A0B46D4-5D9A-80A3-07E3-6F8B54B99834}"/>
          </ac:spMkLst>
        </pc:spChg>
        <pc:spChg chg="mod">
          <ac:chgData name="Kadri Sikk" userId="25e6e5b7-e540-42c9-b3db-9852d1949106" providerId="ADAL" clId="{3A77BC6F-F8DC-4CE2-A8FD-461558D4E27F}" dt="2026-04-03T08:26:36.093" v="615" actId="113"/>
          <ac:spMkLst>
            <pc:docMk/>
            <pc:sldMk cId="1607415250" sldId="344"/>
            <ac:spMk id="11" creationId="{4FD49C37-2862-A3B6-974A-76B3B99D0179}"/>
          </ac:spMkLst>
        </pc:spChg>
        <pc:picChg chg="mod">
          <ac:chgData name="Kadri Sikk" userId="25e6e5b7-e540-42c9-b3db-9852d1949106" providerId="ADAL" clId="{3A77BC6F-F8DC-4CE2-A8FD-461558D4E27F}" dt="2026-04-07T08:21:47.517" v="4450"/>
          <ac:picMkLst>
            <pc:docMk/>
            <pc:sldMk cId="1607415250" sldId="344"/>
            <ac:picMk id="9" creationId="{87E722EE-9E2D-606B-10BD-27E0D6D18D17}"/>
          </ac:picMkLst>
        </pc:picChg>
      </pc:sldChg>
      <pc:sldChg chg="modSp mod">
        <pc:chgData name="Kadri Sikk" userId="25e6e5b7-e540-42c9-b3db-9852d1949106" providerId="ADAL" clId="{3A77BC6F-F8DC-4CE2-A8FD-461558D4E27F}" dt="2026-04-07T08:21:47.517" v="4450"/>
        <pc:sldMkLst>
          <pc:docMk/>
          <pc:sldMk cId="168755255" sldId="345"/>
        </pc:sldMkLst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168755255" sldId="345"/>
            <ac:spMk id="5" creationId="{448605B7-12A8-8030-D249-EF97BD55543E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168755255" sldId="345"/>
            <ac:spMk id="7" creationId="{11F9DBEE-5CD4-1FE1-42EA-5CCB80D4F19B}"/>
          </ac:spMkLst>
        </pc:spChg>
        <pc:spChg chg="mod">
          <ac:chgData name="Kadri Sikk" userId="25e6e5b7-e540-42c9-b3db-9852d1949106" providerId="ADAL" clId="{3A77BC6F-F8DC-4CE2-A8FD-461558D4E27F}" dt="2026-04-03T09:02:49.533" v="4264" actId="20577"/>
          <ac:spMkLst>
            <pc:docMk/>
            <pc:sldMk cId="168755255" sldId="345"/>
            <ac:spMk id="12" creationId="{396A5D41-A9FD-B1EB-F975-B5177C6E3A39}"/>
          </ac:spMkLst>
        </pc:spChg>
        <pc:picChg chg="mod">
          <ac:chgData name="Kadri Sikk" userId="25e6e5b7-e540-42c9-b3db-9852d1949106" providerId="ADAL" clId="{3A77BC6F-F8DC-4CE2-A8FD-461558D4E27F}" dt="2026-04-07T08:21:47.517" v="4450"/>
          <ac:picMkLst>
            <pc:docMk/>
            <pc:sldMk cId="168755255" sldId="345"/>
            <ac:picMk id="26" creationId="{416E3F0D-A4BA-C80C-EB1E-E4127C896BA5}"/>
          </ac:picMkLst>
        </pc:picChg>
      </pc:sldChg>
      <pc:sldChg chg="del">
        <pc:chgData name="Kadri Sikk" userId="25e6e5b7-e540-42c9-b3db-9852d1949106" providerId="ADAL" clId="{3A77BC6F-F8DC-4CE2-A8FD-461558D4E27F}" dt="2026-04-03T08:34:25.198" v="1487" actId="47"/>
        <pc:sldMkLst>
          <pc:docMk/>
          <pc:sldMk cId="1640526168" sldId="347"/>
        </pc:sldMkLst>
      </pc:sldChg>
      <pc:sldChg chg="del">
        <pc:chgData name="Kadri Sikk" userId="25e6e5b7-e540-42c9-b3db-9852d1949106" providerId="ADAL" clId="{3A77BC6F-F8DC-4CE2-A8FD-461558D4E27F}" dt="2026-04-03T08:35:07.275" v="1508" actId="47"/>
        <pc:sldMkLst>
          <pc:docMk/>
          <pc:sldMk cId="684203749" sldId="348"/>
        </pc:sldMkLst>
      </pc:sldChg>
      <pc:sldChg chg="del">
        <pc:chgData name="Kadri Sikk" userId="25e6e5b7-e540-42c9-b3db-9852d1949106" providerId="ADAL" clId="{3A77BC6F-F8DC-4CE2-A8FD-461558D4E27F}" dt="2026-04-03T08:35:33.391" v="1511" actId="47"/>
        <pc:sldMkLst>
          <pc:docMk/>
          <pc:sldMk cId="595911879" sldId="349"/>
        </pc:sldMkLst>
      </pc:sldChg>
      <pc:sldChg chg="del">
        <pc:chgData name="Kadri Sikk" userId="25e6e5b7-e540-42c9-b3db-9852d1949106" providerId="ADAL" clId="{3A77BC6F-F8DC-4CE2-A8FD-461558D4E27F}" dt="2026-04-03T08:56:29.472" v="3873" actId="47"/>
        <pc:sldMkLst>
          <pc:docMk/>
          <pc:sldMk cId="995562264" sldId="356"/>
        </pc:sldMkLst>
      </pc:sldChg>
      <pc:sldChg chg="del">
        <pc:chgData name="Kadri Sikk" userId="25e6e5b7-e540-42c9-b3db-9852d1949106" providerId="ADAL" clId="{3A77BC6F-F8DC-4CE2-A8FD-461558D4E27F}" dt="2026-04-03T08:55:44.703" v="3870" actId="47"/>
        <pc:sldMkLst>
          <pc:docMk/>
          <pc:sldMk cId="1052785702" sldId="360"/>
        </pc:sldMkLst>
      </pc:sldChg>
      <pc:sldChg chg="del">
        <pc:chgData name="Kadri Sikk" userId="25e6e5b7-e540-42c9-b3db-9852d1949106" providerId="ADAL" clId="{3A77BC6F-F8DC-4CE2-A8FD-461558D4E27F}" dt="2026-04-03T08:34:28.155" v="1488" actId="47"/>
        <pc:sldMkLst>
          <pc:docMk/>
          <pc:sldMk cId="2314459224" sldId="361"/>
        </pc:sldMkLst>
      </pc:sldChg>
      <pc:sldChg chg="del">
        <pc:chgData name="Kadri Sikk" userId="25e6e5b7-e540-42c9-b3db-9852d1949106" providerId="ADAL" clId="{3A77BC6F-F8DC-4CE2-A8FD-461558D4E27F}" dt="2026-04-03T08:35:34.748" v="1512" actId="47"/>
        <pc:sldMkLst>
          <pc:docMk/>
          <pc:sldMk cId="3169110788" sldId="363"/>
        </pc:sldMkLst>
      </pc:sldChg>
      <pc:sldChg chg="del">
        <pc:chgData name="Kadri Sikk" userId="25e6e5b7-e540-42c9-b3db-9852d1949106" providerId="ADAL" clId="{3A77BC6F-F8DC-4CE2-A8FD-461558D4E27F}" dt="2026-04-03T08:35:06.181" v="1507" actId="47"/>
        <pc:sldMkLst>
          <pc:docMk/>
          <pc:sldMk cId="1992678705" sldId="369"/>
        </pc:sldMkLst>
      </pc:sldChg>
      <pc:sldChg chg="del">
        <pc:chgData name="Kadri Sikk" userId="25e6e5b7-e540-42c9-b3db-9852d1949106" providerId="ADAL" clId="{3A77BC6F-F8DC-4CE2-A8FD-461558D4E27F}" dt="2026-04-07T08:24:02.681" v="4471" actId="47"/>
        <pc:sldMkLst>
          <pc:docMk/>
          <pc:sldMk cId="629723707" sldId="370"/>
        </pc:sldMkLst>
      </pc:sldChg>
      <pc:sldChg chg="modSp mod">
        <pc:chgData name="Kadri Sikk" userId="25e6e5b7-e540-42c9-b3db-9852d1949106" providerId="ADAL" clId="{3A77BC6F-F8DC-4CE2-A8FD-461558D4E27F}" dt="2026-04-03T08:45:30.520" v="2695" actId="20577"/>
        <pc:sldMkLst>
          <pc:docMk/>
          <pc:sldMk cId="951826106" sldId="378"/>
        </pc:sldMkLst>
        <pc:spChg chg="mod">
          <ac:chgData name="Kadri Sikk" userId="25e6e5b7-e540-42c9-b3db-9852d1949106" providerId="ADAL" clId="{3A77BC6F-F8DC-4CE2-A8FD-461558D4E27F}" dt="2026-04-03T08:42:37.007" v="2245" actId="20577"/>
          <ac:spMkLst>
            <pc:docMk/>
            <pc:sldMk cId="951826106" sldId="378"/>
            <ac:spMk id="2" creationId="{ABE23E8B-60E0-2974-8249-FCFBDA12A7CE}"/>
          </ac:spMkLst>
        </pc:spChg>
        <pc:spChg chg="mod">
          <ac:chgData name="Kadri Sikk" userId="25e6e5b7-e540-42c9-b3db-9852d1949106" providerId="ADAL" clId="{3A77BC6F-F8DC-4CE2-A8FD-461558D4E27F}" dt="2026-04-03T08:45:30.520" v="2695" actId="20577"/>
          <ac:spMkLst>
            <pc:docMk/>
            <pc:sldMk cId="951826106" sldId="378"/>
            <ac:spMk id="3" creationId="{64A802AB-E17F-6828-304A-B0DA7ADF6781}"/>
          </ac:spMkLst>
        </pc:spChg>
      </pc:sldChg>
      <pc:sldChg chg="modSp mod">
        <pc:chgData name="Kadri Sikk" userId="25e6e5b7-e540-42c9-b3db-9852d1949106" providerId="ADAL" clId="{3A77BC6F-F8DC-4CE2-A8FD-461558D4E27F}" dt="2026-04-07T08:21:47.517" v="4450"/>
        <pc:sldMkLst>
          <pc:docMk/>
          <pc:sldMk cId="176821225" sldId="379"/>
        </pc:sldMkLst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176821225" sldId="379"/>
            <ac:spMk id="2" creationId="{AA6BE985-E385-CD79-5371-BCCFA9DC2247}"/>
          </ac:spMkLst>
        </pc:spChg>
        <pc:spChg chg="mod">
          <ac:chgData name="Kadri Sikk" userId="25e6e5b7-e540-42c9-b3db-9852d1949106" providerId="ADAL" clId="{3A77BC6F-F8DC-4CE2-A8FD-461558D4E27F}" dt="2026-04-03T09:00:26.213" v="4200" actId="20577"/>
          <ac:spMkLst>
            <pc:docMk/>
            <pc:sldMk cId="176821225" sldId="379"/>
            <ac:spMk id="3" creationId="{395EDB18-2BBB-ACFC-E141-4A02A870A8D2}"/>
          </ac:spMkLst>
        </pc:spChg>
        <pc:spChg chg="mod">
          <ac:chgData name="Kadri Sikk" userId="25e6e5b7-e540-42c9-b3db-9852d1949106" providerId="ADAL" clId="{3A77BC6F-F8DC-4CE2-A8FD-461558D4E27F}" dt="2026-04-03T09:00:13.187" v="4163" actId="20577"/>
          <ac:spMkLst>
            <pc:docMk/>
            <pc:sldMk cId="176821225" sldId="379"/>
            <ac:spMk id="5" creationId="{5E87AA1D-7536-126A-5301-6EFA97344D8C}"/>
          </ac:spMkLst>
        </pc:spChg>
        <pc:spChg chg="mod">
          <ac:chgData name="Kadri Sikk" userId="25e6e5b7-e540-42c9-b3db-9852d1949106" providerId="ADAL" clId="{3A77BC6F-F8DC-4CE2-A8FD-461558D4E27F}" dt="2026-04-03T08:59:46.106" v="4112" actId="20577"/>
          <ac:spMkLst>
            <pc:docMk/>
            <pc:sldMk cId="176821225" sldId="379"/>
            <ac:spMk id="6" creationId="{8E323F99-71B0-A9D0-DBA6-2DF97B7E89B9}"/>
          </ac:spMkLst>
        </pc:spChg>
      </pc:sldChg>
      <pc:sldChg chg="modSp mod modShow">
        <pc:chgData name="Kadri Sikk" userId="25e6e5b7-e540-42c9-b3db-9852d1949106" providerId="ADAL" clId="{3A77BC6F-F8DC-4CE2-A8FD-461558D4E27F}" dt="2026-04-07T08:28:32.454" v="4477" actId="729"/>
        <pc:sldMkLst>
          <pc:docMk/>
          <pc:sldMk cId="2436150160" sldId="385"/>
        </pc:sldMkLst>
        <pc:spChg chg="mod">
          <ac:chgData name="Kadri Sikk" userId="25e6e5b7-e540-42c9-b3db-9852d1949106" providerId="ADAL" clId="{3A77BC6F-F8DC-4CE2-A8FD-461558D4E27F}" dt="2026-04-03T08:30:40.157" v="1043" actId="20577"/>
          <ac:spMkLst>
            <pc:docMk/>
            <pc:sldMk cId="2436150160" sldId="385"/>
            <ac:spMk id="2" creationId="{B2A9725D-BC56-2EBF-7216-C0CA55886067}"/>
          </ac:spMkLst>
        </pc:spChg>
        <pc:spChg chg="mod">
          <ac:chgData name="Kadri Sikk" userId="25e6e5b7-e540-42c9-b3db-9852d1949106" providerId="ADAL" clId="{3A77BC6F-F8DC-4CE2-A8FD-461558D4E27F}" dt="2026-04-03T08:34:11.117" v="1486" actId="20577"/>
          <ac:spMkLst>
            <pc:docMk/>
            <pc:sldMk cId="2436150160" sldId="385"/>
            <ac:spMk id="3" creationId="{1FA058C0-E222-4C71-3BE9-10E18ECA9355}"/>
          </ac:spMkLst>
        </pc:spChg>
      </pc:sldChg>
      <pc:sldChg chg="del">
        <pc:chgData name="Kadri Sikk" userId="25e6e5b7-e540-42c9-b3db-9852d1949106" providerId="ADAL" clId="{3A77BC6F-F8DC-4CE2-A8FD-461558D4E27F}" dt="2026-04-03T08:56:49.016" v="3874" actId="47"/>
        <pc:sldMkLst>
          <pc:docMk/>
          <pc:sldMk cId="2430219563" sldId="387"/>
        </pc:sldMkLst>
      </pc:sldChg>
      <pc:sldChg chg="del">
        <pc:chgData name="Kadri Sikk" userId="25e6e5b7-e540-42c9-b3db-9852d1949106" providerId="ADAL" clId="{3A77BC6F-F8DC-4CE2-A8FD-461558D4E27F}" dt="2026-04-03T08:50:55.326" v="3345" actId="2696"/>
        <pc:sldMkLst>
          <pc:docMk/>
          <pc:sldMk cId="2196922935" sldId="388"/>
        </pc:sldMkLst>
      </pc:sldChg>
      <pc:sldChg chg="del">
        <pc:chgData name="Kadri Sikk" userId="25e6e5b7-e540-42c9-b3db-9852d1949106" providerId="ADAL" clId="{3A77BC6F-F8DC-4CE2-A8FD-461558D4E27F}" dt="2026-04-03T08:55:42.278" v="3869" actId="47"/>
        <pc:sldMkLst>
          <pc:docMk/>
          <pc:sldMk cId="190584622" sldId="390"/>
        </pc:sldMkLst>
      </pc:sldChg>
      <pc:sldChg chg="del">
        <pc:chgData name="Kadri Sikk" userId="25e6e5b7-e540-42c9-b3db-9852d1949106" providerId="ADAL" clId="{3A77BC6F-F8DC-4CE2-A8FD-461558D4E27F}" dt="2026-04-03T08:59:25.524" v="4091" actId="47"/>
        <pc:sldMkLst>
          <pc:docMk/>
          <pc:sldMk cId="2293491229" sldId="392"/>
        </pc:sldMkLst>
      </pc:sldChg>
      <pc:sldChg chg="modSp mod ord">
        <pc:chgData name="Kadri Sikk" userId="25e6e5b7-e540-42c9-b3db-9852d1949106" providerId="ADAL" clId="{3A77BC6F-F8DC-4CE2-A8FD-461558D4E27F}" dt="2026-04-03T08:58:03.300" v="4090" actId="20577"/>
        <pc:sldMkLst>
          <pc:docMk/>
          <pc:sldMk cId="1397016694" sldId="393"/>
        </pc:sldMkLst>
        <pc:spChg chg="mod">
          <ac:chgData name="Kadri Sikk" userId="25e6e5b7-e540-42c9-b3db-9852d1949106" providerId="ADAL" clId="{3A77BC6F-F8DC-4CE2-A8FD-461558D4E27F}" dt="2026-04-03T08:57:14.002" v="3906" actId="20577"/>
          <ac:spMkLst>
            <pc:docMk/>
            <pc:sldMk cId="1397016694" sldId="393"/>
            <ac:spMk id="2" creationId="{B90835E2-4257-1971-CFF7-FD3399B0DA4D}"/>
          </ac:spMkLst>
        </pc:spChg>
        <pc:spChg chg="mod">
          <ac:chgData name="Kadri Sikk" userId="25e6e5b7-e540-42c9-b3db-9852d1949106" providerId="ADAL" clId="{3A77BC6F-F8DC-4CE2-A8FD-461558D4E27F}" dt="2026-04-03T08:58:03.300" v="4090" actId="20577"/>
          <ac:spMkLst>
            <pc:docMk/>
            <pc:sldMk cId="1397016694" sldId="393"/>
            <ac:spMk id="3" creationId="{C2D0D9DE-6A52-E7AE-DE68-421638D4119F}"/>
          </ac:spMkLst>
        </pc:spChg>
      </pc:sldChg>
      <pc:sldChg chg="del">
        <pc:chgData name="Kadri Sikk" userId="25e6e5b7-e540-42c9-b3db-9852d1949106" providerId="ADAL" clId="{3A77BC6F-F8DC-4CE2-A8FD-461558D4E27F}" dt="2026-04-03T09:00:45.248" v="4209" actId="47"/>
        <pc:sldMkLst>
          <pc:docMk/>
          <pc:sldMk cId="4176653388" sldId="394"/>
        </pc:sldMkLst>
      </pc:sldChg>
      <pc:sldChg chg="modSp mod">
        <pc:chgData name="Kadri Sikk" userId="25e6e5b7-e540-42c9-b3db-9852d1949106" providerId="ADAL" clId="{3A77BC6F-F8DC-4CE2-A8FD-461558D4E27F}" dt="2026-04-07T08:21:47.517" v="4450"/>
        <pc:sldMkLst>
          <pc:docMk/>
          <pc:sldMk cId="3122815165" sldId="395"/>
        </pc:sldMkLst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3122815165" sldId="395"/>
            <ac:spMk id="2" creationId="{FE881335-D817-7481-DF57-F92ED49489B8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3122815165" sldId="395"/>
            <ac:spMk id="3" creationId="{18449494-84FB-24EB-F147-149AF1C4E6F0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3122815165" sldId="395"/>
            <ac:spMk id="4" creationId="{CAB9D658-FE70-3660-F690-66DE8EE80717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3122815165" sldId="395"/>
            <ac:spMk id="5" creationId="{31F5F5BC-F25D-E97F-0FCA-63C2B64929D5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3122815165" sldId="395"/>
            <ac:spMk id="6" creationId="{62C4D361-69A1-9F91-74FF-96CB7E170DAB}"/>
          </ac:spMkLst>
        </pc:spChg>
      </pc:sldChg>
      <pc:sldChg chg="add del">
        <pc:chgData name="Kadri Sikk" userId="25e6e5b7-e540-42c9-b3db-9852d1949106" providerId="ADAL" clId="{3A77BC6F-F8DC-4CE2-A8FD-461558D4E27F}" dt="2026-04-07T10:53:09.849" v="4521" actId="47"/>
        <pc:sldMkLst>
          <pc:docMk/>
          <pc:sldMk cId="1816192088" sldId="396"/>
        </pc:sldMkLst>
      </pc:sldChg>
      <pc:sldChg chg="del">
        <pc:chgData name="Kadri Sikk" userId="25e6e5b7-e540-42c9-b3db-9852d1949106" providerId="ADAL" clId="{3A77BC6F-F8DC-4CE2-A8FD-461558D4E27F}" dt="2026-04-03T08:57:01.157" v="3877" actId="47"/>
        <pc:sldMkLst>
          <pc:docMk/>
          <pc:sldMk cId="3369683293" sldId="396"/>
        </pc:sldMkLst>
      </pc:sldChg>
      <pc:sldChg chg="modSp add">
        <pc:chgData name="Kadri Sikk" userId="25e6e5b7-e540-42c9-b3db-9852d1949106" providerId="ADAL" clId="{3A77BC6F-F8DC-4CE2-A8FD-461558D4E27F}" dt="2026-04-07T08:21:47.517" v="4450"/>
        <pc:sldMkLst>
          <pc:docMk/>
          <pc:sldMk cId="1359643691" sldId="397"/>
        </pc:sldMkLst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1359643691" sldId="397"/>
            <ac:spMk id="5" creationId="{DCAB8C95-AED5-47C3-17B8-9BCC25288811}"/>
          </ac:spMkLst>
        </pc:spChg>
        <pc:spChg chg="mod">
          <ac:chgData name="Kadri Sikk" userId="25e6e5b7-e540-42c9-b3db-9852d1949106" providerId="ADAL" clId="{3A77BC6F-F8DC-4CE2-A8FD-461558D4E27F}" dt="2026-04-07T08:21:47.517" v="4450"/>
          <ac:spMkLst>
            <pc:docMk/>
            <pc:sldMk cId="1359643691" sldId="397"/>
            <ac:spMk id="7" creationId="{996C862F-93BC-9CBD-B5DA-75EBFAD7444F}"/>
          </ac:spMkLst>
        </pc:spChg>
        <pc:picChg chg="mod">
          <ac:chgData name="Kadri Sikk" userId="25e6e5b7-e540-42c9-b3db-9852d1949106" providerId="ADAL" clId="{3A77BC6F-F8DC-4CE2-A8FD-461558D4E27F}" dt="2026-04-07T08:21:47.517" v="4450"/>
          <ac:picMkLst>
            <pc:docMk/>
            <pc:sldMk cId="1359643691" sldId="397"/>
            <ac:picMk id="6" creationId="{EFB601AD-2005-6EA3-857A-2A191496C2C4}"/>
          </ac:picMkLst>
        </pc:picChg>
      </pc:sldChg>
      <pc:sldChg chg="add del">
        <pc:chgData name="Kadri Sikk" userId="25e6e5b7-e540-42c9-b3db-9852d1949106" providerId="ADAL" clId="{3A77BC6F-F8DC-4CE2-A8FD-461558D4E27F}" dt="2026-04-07T08:28:19.395" v="4473"/>
        <pc:sldMkLst>
          <pc:docMk/>
          <pc:sldMk cId="1265893743" sldId="398"/>
        </pc:sldMkLst>
      </pc:sldChg>
      <pc:sldChg chg="add del mod modShow">
        <pc:chgData name="Kadri Sikk" userId="25e6e5b7-e540-42c9-b3db-9852d1949106" providerId="ADAL" clId="{3A77BC6F-F8DC-4CE2-A8FD-461558D4E27F}" dt="2026-04-07T08:28:30.412" v="4476" actId="47"/>
        <pc:sldMkLst>
          <pc:docMk/>
          <pc:sldMk cId="3417486369" sldId="398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400BA559-C1C5-4943-B542-8794232D57DA}" type="datetimeFigureOut">
              <a:rPr lang="da-DK"/>
              <a:t>07-04-2026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AEDAC64D-F328-458C-83FB-46E4CB2334DA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07/04/2026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 rtl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eur02.safelinks.protection.outlook.com/?url=https%3A%2F%2Fwww.instagram.com%2Fp%2FDB85bgex8nO%2F&amp;data=05%7C02%7Cheidi.orava%40nkk.org%7Ce2276a17b920484bf2ac08dd66e0fbc2%7C0b110833893c4af591c77f53668f6cef%7C0%7C0%7C638779838719359450%7CUnknown%7CTWFpbGZsb3d8eyJFbXB0eU1hcGkiOnRydWUsIlYiOiIwLjAuMDAwMCIsIlAiOiJXaW4zMiIsIkFOIjoiTWFpbCIsIldUIjoyfQ%3D%3D%7C0%7C%7C%7C&amp;sdata=Dc%2ByF1hJ%2FakaFSywlyZUs%2FkNofDuHysq7r47wgDXkU8%3D&amp;reserved=0" TargetMode="External"/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eur02.safelinks.protection.outlook.com/?url=https%3A%2F%2Fwww.instagram.com%2Fp%2FDHTEfdZRiqc%2F&amp;data=05%7C02%7Cheidi.orava%40nkk.org%7Ce7fb655a28984633051e08dd66df6005%7C0b110833893c4af591c77f53668f6cef%7C0%7C0%7C638779831857964092%7CUnknown%7CTWFpbGZsb3d8eyJFbXB0eU1hcGkiOnRydWUsIlYiOiIwLjAuMDAwMCIsIlAiOiJXaW4zMiIsIkFOIjoiTWFpbCIsIldUIjoyfQ%3D%3D%7C0%7C%7C%7C&amp;sdata=AA8zaGgTY4XyuV4kyDjIJG%2FhQCUifzJ4xRFO3nn6Mcc%3D&amp;reserved=0" TargetMode="External"/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800" kern="1200" dirty="0">
                <a:solidFill>
                  <a:schemeClr val="accent2"/>
                </a:solidFill>
                <a:latin typeface="Arial" panose="020B0604020202020204" pitchFamily="34" charset="0"/>
                <a:ea typeface="+mn-ea"/>
                <a:cs typeface="+mn-cs"/>
              </a:rPr>
              <a:t>Administrative body for Nordic Council of Ministers’ funding programm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noProof="0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878688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r>
              <a:rPr lang="sv-FI" dirty="0" err="1"/>
              <a:t>Cannot</a:t>
            </a:r>
            <a:r>
              <a:rPr lang="sv-FI" dirty="0"/>
              <a:t> be the </a:t>
            </a:r>
            <a:r>
              <a:rPr lang="sv-FI" dirty="0" err="1"/>
              <a:t>only</a:t>
            </a:r>
            <a:r>
              <a:rPr lang="sv-FI" dirty="0"/>
              <a:t> source </a:t>
            </a:r>
            <a:r>
              <a:rPr lang="sv-FI" dirty="0" err="1"/>
              <a:t>of</a:t>
            </a:r>
            <a:r>
              <a:rPr lang="sv-FI" dirty="0"/>
              <a:t> </a:t>
            </a:r>
            <a:r>
              <a:rPr lang="sv-FI" dirty="0" err="1"/>
              <a:t>funding</a:t>
            </a:r>
            <a:r>
              <a:rPr lang="sv-FI" dirty="0"/>
              <a:t> </a:t>
            </a:r>
          </a:p>
          <a:p>
            <a:pPr rtl="0"/>
            <a:endParaRPr lang="en-FI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0955104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4663925-2151-CD7D-7F68-DC2EDFD4975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CA9A188B-AF51-F3BF-3336-C48017C5A668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32636B07-A84F-A6DA-139F-0E9627A9381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800">
                <a:solidFill>
                  <a:srgbClr val="000000"/>
                </a:solidFill>
                <a:effectLst/>
                <a:latin typeface="Aptos" panose="020B0004020202020204" pitchFamily="34" charset="0"/>
                <a:ea typeface="Times New Roman" panose="02020603050405020304" pitchFamily="18" charset="0"/>
                <a:cs typeface="Aptos" panose="020B0004020202020204" pitchFamily="34" charset="0"/>
              </a:rPr>
              <a:t>32973 </a:t>
            </a:r>
            <a:r>
              <a:rPr lang="en-gb" sz="1800" u="sng">
                <a:solidFill>
                  <a:srgbClr val="000000"/>
                </a:solidFill>
                <a:effectLst/>
                <a:latin typeface="Aptos" panose="020B0004020202020204" pitchFamily="34" charset="0"/>
                <a:ea typeface="Times New Roman" panose="02020603050405020304" pitchFamily="18" charset="0"/>
                <a:cs typeface="Aptos" panose="020B0004020202020204" pitchFamily="34" charset="0"/>
                <a:hlinkClick r:id="rId3" tooltip="https://www.instagram.com/p/DB85bgex8nO/"/>
              </a:rPr>
              <a:t>Island Eye Island Ear, Lofoten 2024</a:t>
            </a:r>
            <a:br>
              <a:rPr lang="sv-FI" sz="1800" u="sng">
                <a:solidFill>
                  <a:srgbClr val="000000"/>
                </a:solidFill>
                <a:effectLst/>
                <a:latin typeface="Aptos" panose="020B0004020202020204" pitchFamily="34" charset="0"/>
                <a:ea typeface="Times New Roman" panose="02020603050405020304" pitchFamily="18" charset="0"/>
                <a:cs typeface="Aptos" panose="020B0004020202020204" pitchFamily="34" charset="0"/>
              </a:rPr>
            </a:br>
            <a:r>
              <a:rPr lang="en-gb" sz="1800">
                <a:solidFill>
                  <a:srgbClr val="000000"/>
                </a:solidFill>
                <a:effectLst/>
                <a:latin typeface="Aptos" panose="020B0004020202020204" pitchFamily="34" charset="0"/>
                <a:ea typeface="Times New Roman" panose="02020603050405020304" pitchFamily="18" charset="0"/>
                <a:cs typeface="Aptos" panose="020B0004020202020204" pitchFamily="34" charset="0"/>
              </a:rPr>
              <a:t>Robert Monnier from the performance during opening weekend of LIAF. Photo credit: Kjell Ove Storvik</a:t>
            </a:r>
            <a:endParaRPr lang="sv-FI" sz="1800">
              <a:effectLst/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sv-FI" sz="1800">
              <a:solidFill>
                <a:srgbClr val="000000"/>
              </a:solidFill>
              <a:effectLst/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pPr rtl="0"/>
            <a:endParaRPr lang="sv-FI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D2E1CB09-BA2A-D6C7-3C24-BA85622508FF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4482788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r>
              <a:rPr lang="sv-FI" dirty="0"/>
              <a:t>Baltic or </a:t>
            </a:r>
            <a:r>
              <a:rPr lang="sv-FI" dirty="0" err="1"/>
              <a:t>other</a:t>
            </a:r>
            <a:r>
              <a:rPr lang="sv-FI" dirty="0"/>
              <a:t> non-</a:t>
            </a:r>
            <a:r>
              <a:rPr lang="sv-FI" dirty="0" err="1"/>
              <a:t>nordic</a:t>
            </a:r>
            <a:r>
              <a:rPr lang="sv-FI" dirty="0"/>
              <a:t> </a:t>
            </a:r>
            <a:r>
              <a:rPr lang="sv-FI" dirty="0" err="1"/>
              <a:t>countries</a:t>
            </a:r>
            <a:r>
              <a:rPr lang="sv-FI" dirty="0"/>
              <a:t> </a:t>
            </a:r>
            <a:r>
              <a:rPr lang="sv-FI" dirty="0" err="1"/>
              <a:t>can</a:t>
            </a:r>
            <a:r>
              <a:rPr lang="sv-FI" dirty="0"/>
              <a:t> be the </a:t>
            </a:r>
            <a:r>
              <a:rPr lang="sv-FI" dirty="0" err="1"/>
              <a:t>main</a:t>
            </a:r>
            <a:r>
              <a:rPr lang="sv-FI" dirty="0"/>
              <a:t> </a:t>
            </a:r>
            <a:r>
              <a:rPr lang="sv-FI" dirty="0" err="1"/>
              <a:t>applicants</a:t>
            </a:r>
            <a:r>
              <a:rPr lang="sv-FI" dirty="0"/>
              <a:t>, </a:t>
            </a:r>
            <a:r>
              <a:rPr lang="sv-FI" dirty="0" err="1"/>
              <a:t>but</a:t>
            </a:r>
            <a:r>
              <a:rPr lang="sv-FI" dirty="0"/>
              <a:t> </a:t>
            </a:r>
            <a:r>
              <a:rPr lang="sv-FI" dirty="0" err="1"/>
              <a:t>there</a:t>
            </a:r>
            <a:r>
              <a:rPr lang="sv-FI" dirty="0"/>
              <a:t> </a:t>
            </a:r>
            <a:r>
              <a:rPr lang="sv-FI" dirty="0" err="1"/>
              <a:t>needs</a:t>
            </a:r>
            <a:r>
              <a:rPr lang="sv-FI" dirty="0"/>
              <a:t> to be a Nordic dimension</a:t>
            </a:r>
            <a:endParaRPr lang="en-FI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828071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4435A15-6126-3643-E004-70E4792E06A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D4B2BAF9-7C56-9C41-513D-117C16DECD3A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CCE10469-0A06-B5C7-8B4C-1B06B4DA1AE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FI" dirty="0" err="1"/>
              <a:t>Also</a:t>
            </a:r>
            <a:r>
              <a:rPr lang="sv-FI" dirty="0"/>
              <a:t> on the </a:t>
            </a:r>
            <a:r>
              <a:rPr lang="sv-FI" dirty="0" err="1"/>
              <a:t>webpage</a:t>
            </a:r>
            <a:endParaRPr lang="sv-FI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5179D6D8-809B-3CA9-F505-66FB0F28B190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3608190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45F7024-A06B-6F78-8120-84BDC21AA2E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F1FCBC39-8452-8267-1912-201CBF202145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23B80F3E-42AD-C2CA-3A17-A5AC40549440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800" kern="1200" dirty="0">
                <a:solidFill>
                  <a:schemeClr val="accent2"/>
                </a:solidFill>
                <a:latin typeface="Arial" panose="020B0604020202020204" pitchFamily="34" charset="0"/>
                <a:ea typeface="+mn-ea"/>
                <a:cs typeface="+mn-cs"/>
              </a:rPr>
              <a:t>Administrative body for Nordic Council of Ministers’ funding programm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noProof="0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85B6E19C-160D-A798-5A45-5117918EC65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5401177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/>
              <a:t>Bild: </a:t>
            </a:r>
            <a:r>
              <a:rPr lang="en-gb" b="0"/>
              <a:t>24687 Rejmyre Art Lab fick residensstöd 2023</a:t>
            </a:r>
            <a:endParaRPr lang="sv-FI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9426391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200" kern="1200" dirty="0" err="1">
                <a:solidFill>
                  <a:schemeClr val="accent2"/>
                </a:solidFill>
                <a:latin typeface="Arial" panose="020B0604020202020204" pitchFamily="34" charset="0"/>
                <a:ea typeface="+mn-ea"/>
                <a:cs typeface="+mn-cs"/>
              </a:rPr>
              <a:t>Administrativte</a:t>
            </a:r>
            <a:r>
              <a:rPr lang="en-gb" sz="1200" kern="1200" dirty="0">
                <a:solidFill>
                  <a:schemeClr val="accent2"/>
                </a:solidFill>
                <a:latin typeface="Arial" panose="020B0604020202020204" pitchFamily="34" charset="0"/>
                <a:ea typeface="+mn-ea"/>
                <a:cs typeface="+mn-cs"/>
              </a:rPr>
              <a:t> body for Nordic Council of Ministers’ funding programm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/>
              <a:t>Norden 0-30 initiatives with a focus on political, cultural, or social issues </a:t>
            </a:r>
            <a:endParaRPr lang="sv-FI" dirty="0"/>
          </a:p>
          <a:p>
            <a:pPr rtl="0"/>
            <a:r>
              <a:rPr lang="en-gb" dirty="0"/>
              <a:t>Bild: Um </a:t>
            </a:r>
            <a:r>
              <a:rPr lang="en-gb" dirty="0" err="1"/>
              <a:t>Djævulskap</a:t>
            </a:r>
            <a:endParaRPr lang="sv-FI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7847620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800" dirty="0">
                <a:solidFill>
                  <a:srgbClr val="000000"/>
                </a:solidFill>
                <a:effectLst/>
                <a:latin typeface="Aptos" panose="020B0004020202020204" pitchFamily="34" charset="0"/>
                <a:ea typeface="Times New Roman" panose="02020603050405020304" pitchFamily="18" charset="0"/>
                <a:cs typeface="Aptos" panose="020B0004020202020204" pitchFamily="34" charset="0"/>
              </a:rPr>
              <a:t>For professionals in arts and culture.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800" dirty="0">
                <a:solidFill>
                  <a:srgbClr val="000000"/>
                </a:solidFill>
                <a:effectLst/>
                <a:latin typeface="Aptos" panose="020B0004020202020204" pitchFamily="34" charset="0"/>
                <a:ea typeface="Times New Roman" panose="02020603050405020304" pitchFamily="18" charset="0"/>
                <a:cs typeface="Aptos" panose="020B0004020202020204" pitchFamily="34" charset="0"/>
              </a:rPr>
              <a:t>33099 </a:t>
            </a:r>
            <a:r>
              <a:rPr lang="en-gb" sz="1800" u="sng" dirty="0">
                <a:solidFill>
                  <a:srgbClr val="000000"/>
                </a:solidFill>
                <a:effectLst/>
                <a:latin typeface="Aptos" panose="020B0004020202020204" pitchFamily="34" charset="0"/>
                <a:ea typeface="Times New Roman" panose="02020603050405020304" pitchFamily="18" charset="0"/>
                <a:cs typeface="Aptos" panose="020B0004020202020204" pitchFamily="34" charset="0"/>
                <a:hlinkClick r:id="rId3" tooltip="https://www.instagram.com/p/DHTEfdZRiqc/"/>
              </a:rPr>
              <a:t>Analogue Adventure</a:t>
            </a:r>
            <a:endParaRPr lang="sv-FI" sz="1800" dirty="0">
              <a:solidFill>
                <a:srgbClr val="000000"/>
              </a:solidFill>
              <a:effectLst/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pPr rtl="0"/>
            <a:r>
              <a:rPr lang="en-gb" sz="1800" dirty="0">
                <a:solidFill>
                  <a:srgbClr val="000000"/>
                </a:solidFill>
                <a:effectLst/>
                <a:latin typeface="Aptos" panose="020B0004020202020204" pitchFamily="34" charset="0"/>
                <a:ea typeface="Times New Roman" panose="02020603050405020304" pitchFamily="18" charset="0"/>
                <a:cs typeface="Aptos" panose="020B0004020202020204" pitchFamily="34" charset="0"/>
              </a:rPr>
              <a:t>Foto: Olga Drozd</a:t>
            </a:r>
            <a:endParaRPr lang="sv-FI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8274479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r>
              <a:rPr lang="sv-FI" dirty="0"/>
              <a:t>For </a:t>
            </a:r>
            <a:r>
              <a:rPr lang="sv-FI" dirty="0" err="1"/>
              <a:t>example</a:t>
            </a:r>
            <a:r>
              <a:rPr lang="sv-FI" dirty="0"/>
              <a:t>: </a:t>
            </a:r>
            <a:r>
              <a:rPr lang="sv-FI" dirty="0" err="1"/>
              <a:t>exhibitions</a:t>
            </a:r>
            <a:r>
              <a:rPr lang="sv-FI" dirty="0"/>
              <a:t>, </a:t>
            </a:r>
            <a:r>
              <a:rPr lang="sv-FI" dirty="0" err="1"/>
              <a:t>guest</a:t>
            </a:r>
            <a:r>
              <a:rPr lang="sv-FI" dirty="0"/>
              <a:t> </a:t>
            </a:r>
            <a:r>
              <a:rPr lang="sv-FI" dirty="0" err="1"/>
              <a:t>plays</a:t>
            </a:r>
            <a:r>
              <a:rPr lang="sv-FI" dirty="0"/>
              <a:t>, </a:t>
            </a:r>
            <a:r>
              <a:rPr lang="sv-FI" dirty="0" err="1"/>
              <a:t>conferences</a:t>
            </a:r>
            <a:r>
              <a:rPr lang="sv-FI" dirty="0"/>
              <a:t> </a:t>
            </a:r>
          </a:p>
          <a:p>
            <a:pPr rtl="0"/>
            <a:r>
              <a:rPr lang="sv-FI" dirty="0" err="1"/>
              <a:t>Calculator</a:t>
            </a:r>
            <a:r>
              <a:rPr lang="sv-FI" dirty="0"/>
              <a:t> </a:t>
            </a:r>
            <a:r>
              <a:rPr lang="sv-FI" dirty="0" err="1"/>
              <a:t>available</a:t>
            </a:r>
            <a:r>
              <a:rPr lang="sv-FI" dirty="0"/>
              <a:t> on the </a:t>
            </a:r>
            <a:r>
              <a:rPr lang="sv-FI" dirty="0" err="1"/>
              <a:t>website</a:t>
            </a:r>
            <a:r>
              <a:rPr lang="sv-FI" dirty="0"/>
              <a:t> </a:t>
            </a:r>
          </a:p>
          <a:p>
            <a:pPr rtl="0"/>
            <a:r>
              <a:rPr lang="sv-FI" dirty="0"/>
              <a:t>Groups </a:t>
            </a:r>
            <a:r>
              <a:rPr lang="sv-FI" dirty="0" err="1"/>
              <a:t>can</a:t>
            </a:r>
            <a:r>
              <a:rPr lang="sv-FI" dirty="0"/>
              <a:t> </a:t>
            </a:r>
            <a:r>
              <a:rPr lang="sv-FI" dirty="0" err="1"/>
              <a:t>also</a:t>
            </a:r>
            <a:r>
              <a:rPr lang="sv-FI" dirty="0"/>
              <a:t> </a:t>
            </a:r>
            <a:r>
              <a:rPr lang="sv-FI" dirty="0" err="1"/>
              <a:t>apply</a:t>
            </a:r>
            <a:r>
              <a:rPr lang="sv-FI" dirty="0"/>
              <a:t> </a:t>
            </a:r>
            <a:r>
              <a:rPr lang="sv-FI" dirty="0" err="1"/>
              <a:t>but</a:t>
            </a:r>
            <a:r>
              <a:rPr lang="sv-FI" dirty="0"/>
              <a:t> </a:t>
            </a:r>
            <a:r>
              <a:rPr lang="sv-FI" dirty="0" err="1"/>
              <a:t>with</a:t>
            </a:r>
            <a:r>
              <a:rPr lang="sv-FI" dirty="0"/>
              <a:t> </a:t>
            </a:r>
            <a:r>
              <a:rPr lang="sv-FI" dirty="0" err="1"/>
              <a:t>individual</a:t>
            </a:r>
            <a:r>
              <a:rPr lang="sv-FI" dirty="0"/>
              <a:t> </a:t>
            </a:r>
            <a:r>
              <a:rPr lang="sv-FI" dirty="0" err="1"/>
              <a:t>applications</a:t>
            </a:r>
            <a:endParaRPr lang="sv-FI" dirty="0"/>
          </a:p>
          <a:p>
            <a:pPr rtl="0"/>
            <a:endParaRPr lang="sv-FI" dirty="0"/>
          </a:p>
          <a:p>
            <a:pPr rtl="0"/>
            <a:endParaRPr lang="sv-FI" dirty="0"/>
          </a:p>
          <a:p>
            <a:pPr rtl="0"/>
            <a:endParaRPr lang="en-FI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1760599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B17E61B-0050-68D9-95DA-2CD5B7C3592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29D7C1BD-21B8-75EB-0F3D-5B2E9F7F104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EF1039A5-9B3E-FA67-C881-26FDC8E908D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sz="1300" dirty="0"/>
              <a:t>Residensvistelser stöds vanligen inte (för att vi har ett stöd för </a:t>
            </a:r>
            <a:r>
              <a:rPr lang="sv-SE" sz="1300" dirty="0" err="1"/>
              <a:t>residenser</a:t>
            </a:r>
            <a:r>
              <a:rPr lang="sv-SE" sz="1300" dirty="0"/>
              <a:t>) men det kan finnas undantag om residenset tex inte fått stöd av NKK (och syftet är samarbete). Inbjudan eller letter </a:t>
            </a:r>
            <a:r>
              <a:rPr lang="sv-SE" sz="1300" dirty="0" err="1"/>
              <a:t>of</a:t>
            </a:r>
            <a:r>
              <a:rPr lang="sv-SE" sz="1300" dirty="0"/>
              <a:t> </a:t>
            </a:r>
            <a:r>
              <a:rPr lang="sv-SE" sz="1300" dirty="0" err="1"/>
              <a:t>intent</a:t>
            </a:r>
            <a:r>
              <a:rPr lang="sv-SE" sz="1300" dirty="0"/>
              <a:t> krävs. </a:t>
            </a:r>
          </a:p>
          <a:p>
            <a:endParaRPr lang="en-FI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CEE1F893-B331-56BB-ACD1-FDBD00A16089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6569781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sv-FI" dirty="0"/>
              <a:t>SHRT and LGN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sv-FI" dirty="0"/>
              <a:t>If </a:t>
            </a:r>
            <a:r>
              <a:rPr lang="sv-FI" dirty="0" err="1"/>
              <a:t>you</a:t>
            </a:r>
            <a:r>
              <a:rPr lang="sv-FI" dirty="0"/>
              <a:t> </a:t>
            </a:r>
            <a:r>
              <a:rPr lang="sv-FI" dirty="0" err="1"/>
              <a:t>want</a:t>
            </a:r>
            <a:r>
              <a:rPr lang="sv-FI" dirty="0"/>
              <a:t> to </a:t>
            </a:r>
            <a:r>
              <a:rPr lang="sv-FI" dirty="0" err="1"/>
              <a:t>apply</a:t>
            </a:r>
            <a:r>
              <a:rPr lang="sv-FI" dirty="0"/>
              <a:t> for </a:t>
            </a:r>
            <a:r>
              <a:rPr lang="sv-FI" dirty="0" err="1"/>
              <a:t>artistic</a:t>
            </a:r>
            <a:r>
              <a:rPr lang="sv-FI" dirty="0"/>
              <a:t> </a:t>
            </a:r>
            <a:r>
              <a:rPr lang="sv-FI" dirty="0" err="1"/>
              <a:t>work</a:t>
            </a:r>
            <a:r>
              <a:rPr lang="sv-FI" dirty="0"/>
              <a:t> and </a:t>
            </a:r>
            <a:r>
              <a:rPr lang="sv-FI" dirty="0" err="1"/>
              <a:t>network</a:t>
            </a:r>
            <a:r>
              <a:rPr lang="sv-FI" dirty="0"/>
              <a:t> </a:t>
            </a:r>
            <a:r>
              <a:rPr lang="sv-FI" dirty="0" err="1"/>
              <a:t>activities</a:t>
            </a:r>
            <a:r>
              <a:rPr lang="sv-FI" dirty="0"/>
              <a:t> </a:t>
            </a:r>
            <a:r>
              <a:rPr lang="sv-FI" dirty="0" err="1"/>
              <a:t>apply</a:t>
            </a:r>
            <a:r>
              <a:rPr lang="sv-FI" dirty="0"/>
              <a:t> from the Culture and Art </a:t>
            </a:r>
            <a:r>
              <a:rPr lang="sv-FI" dirty="0" err="1"/>
              <a:t>programme</a:t>
            </a:r>
            <a:r>
              <a:rPr lang="sv-FI" dirty="0"/>
              <a:t> – </a:t>
            </a:r>
            <a:r>
              <a:rPr lang="sv-FI" dirty="0" err="1"/>
              <a:t>but</a:t>
            </a:r>
            <a:r>
              <a:rPr lang="sv-FI" dirty="0"/>
              <a:t> </a:t>
            </a:r>
            <a:r>
              <a:rPr lang="sv-FI" dirty="0" err="1"/>
              <a:t>with</a:t>
            </a:r>
            <a:r>
              <a:rPr lang="sv-FI" dirty="0"/>
              <a:t> a Nordic dimension</a:t>
            </a:r>
            <a:endParaRPr lang="LID4096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364637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A10C4B8-E894-4F82-4BC4-D5024B59FEB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341B79A9-28A2-EEC8-198D-518E2473418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203DE13-A13F-5059-200A-198AB940AA1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sv-FI"/>
              <a:t>SHRT </a:t>
            </a:r>
            <a:r>
              <a:rPr lang="sv-FI" err="1"/>
              <a:t>funding</a:t>
            </a:r>
            <a:r>
              <a:rPr lang="sv-FI"/>
              <a:t> has </a:t>
            </a:r>
            <a:r>
              <a:rPr lang="sv-FI" err="1"/>
              <a:t>two</a:t>
            </a:r>
            <a:r>
              <a:rPr lang="sv-FI"/>
              <a:t> </a:t>
            </a:r>
            <a:r>
              <a:rPr lang="sv-FI" err="1"/>
              <a:t>application</a:t>
            </a:r>
            <a:r>
              <a:rPr lang="sv-FI"/>
              <a:t> </a:t>
            </a:r>
            <a:r>
              <a:rPr lang="sv-FI" err="1"/>
              <a:t>rounds</a:t>
            </a:r>
            <a:r>
              <a:rPr lang="sv-FI"/>
              <a:t>, </a:t>
            </a:r>
            <a:r>
              <a:rPr lang="sv-FI" err="1"/>
              <a:t>one</a:t>
            </a:r>
            <a:r>
              <a:rPr lang="sv-FI"/>
              <a:t> in spring and </a:t>
            </a:r>
            <a:r>
              <a:rPr lang="sv-FI" err="1"/>
              <a:t>one</a:t>
            </a:r>
            <a:r>
              <a:rPr lang="sv-FI"/>
              <a:t> in </a:t>
            </a:r>
            <a:r>
              <a:rPr lang="sv-FI" err="1"/>
              <a:t>autumn</a:t>
            </a:r>
            <a:r>
              <a:rPr lang="sv-FI"/>
              <a:t>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sv-FI"/>
              <a:t>LGNT </a:t>
            </a:r>
            <a:r>
              <a:rPr lang="sv-FI" err="1"/>
              <a:t>funding</a:t>
            </a:r>
            <a:r>
              <a:rPr lang="sv-FI"/>
              <a:t> </a:t>
            </a:r>
            <a:r>
              <a:rPr lang="sv-FI" err="1"/>
              <a:t>only</a:t>
            </a:r>
            <a:r>
              <a:rPr lang="sv-FI"/>
              <a:t> in spr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sv-FI" err="1"/>
              <a:t>Good</a:t>
            </a:r>
            <a:r>
              <a:rPr lang="sv-FI"/>
              <a:t> to start </a:t>
            </a:r>
            <a:r>
              <a:rPr lang="sv-FI" err="1"/>
              <a:t>with</a:t>
            </a:r>
            <a:r>
              <a:rPr lang="sv-FI"/>
              <a:t> a short-term </a:t>
            </a:r>
            <a:r>
              <a:rPr lang="sv-FI" err="1"/>
              <a:t>network</a:t>
            </a:r>
            <a:endParaRPr lang="LID4096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92FEDB2-10F9-5203-0AAE-764E3EEC5ED4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221780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10" Type="http://schemas.openxmlformats.org/officeDocument/2006/relationships/image" Target="../media/image12.png"/><Relationship Id="rId4" Type="http://schemas.openxmlformats.org/officeDocument/2006/relationships/image" Target="../media/image6.png"/><Relationship Id="rId9" Type="http://schemas.openxmlformats.org/officeDocument/2006/relationships/image" Target="../media/image11.png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10" Type="http://schemas.openxmlformats.org/officeDocument/2006/relationships/image" Target="../media/image18.png"/><Relationship Id="rId4" Type="http://schemas.openxmlformats.org/officeDocument/2006/relationships/image" Target="../media/image17.png"/><Relationship Id="rId9" Type="http://schemas.openxmlformats.org/officeDocument/2006/relationships/image" Target="../media/image11.png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pic>
        <p:nvPicPr>
          <p:cNvPr id="1218396606" name="Logo blue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/>
              <a:t>Insert quotation text in several lines. Insert name or source: Click ENTER for new line, click TAB, insert name/source</a:t>
            </a:r>
          </a:p>
          <a:p>
            <a:pPr lvl="1" rtl="0"/>
            <a:r>
              <a:rPr lang="en-gb"/>
              <a:t>Second level</a:t>
            </a:r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da-DK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/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 rtl="0"/>
            <a:r>
              <a:rPr lang="en-gb"/>
              <a:t>Insert quotation text in several lines. Insert name or source: Click ENTER for new line, click TAB, insert name/source</a:t>
            </a:r>
          </a:p>
          <a:p>
            <a:pPr lvl="1" rtl="0"/>
            <a:r>
              <a:rPr lang="en-gb"/>
              <a:t>Second level</a:t>
            </a:r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da-DK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/>
              <a:t>Click to add chart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rtlCol="0"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en-gb"/>
              <a:t>Click to add note tex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Insert char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1 line</a:t>
            </a:r>
            <a:endParaRPr lang="da-DK" noProof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Insert chart or table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en-gb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1 line</a:t>
            </a:r>
            <a:endParaRPr lang="da-DK" noProof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Insert chart or table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en-gb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 rtlCol="0"/>
          <a:lstStyle>
            <a:lvl1pPr>
              <a:lnSpc>
                <a:spcPct val="95000"/>
              </a:lnSpc>
              <a:defRPr sz="18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18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18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18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 rtl="0"/>
            <a:r>
              <a:rPr lang="en-gb"/>
              <a:t>Click to add char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/>
          </a:p>
        </p:txBody>
      </p:sp>
      <p:pic>
        <p:nvPicPr>
          <p:cNvPr id="509084542" name="Logo light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rtlCol="0"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 rtl="0"/>
            <a:r>
              <a:rPr lang="en-gb"/>
              <a:t>Mette Agger Tang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 rtlCol="0"/>
          <a:lstStyle>
            <a:lvl1pPr marL="0" indent="0">
              <a:buNone/>
              <a:defRPr sz="2800"/>
            </a:lvl1pPr>
          </a:lstStyle>
          <a:p>
            <a:pPr lvl="0" rtl="0"/>
            <a:r>
              <a:rPr lang="en-gb"/>
              <a:t>Grafisk designer</a:t>
            </a:r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r>
              <a:rPr lang="en-gb"/>
              <a:t>mettan@norden.org</a:t>
            </a:r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r>
              <a:rPr lang="en-gb"/>
              <a:t>+45 60 39 42 08</a:t>
            </a:r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rtlCol="0" anchor="b" anchorCtr="0"/>
          <a:lstStyle>
            <a:lvl1pPr marL="0" indent="0">
              <a:buNone/>
              <a:defRPr sz="1800" b="1"/>
            </a:lvl1pPr>
          </a:lstStyle>
          <a:p>
            <a:pPr lvl="0" rtl="0"/>
            <a:r>
              <a:rPr lang="en-gb"/>
              <a:t>Nordisk Minsterråd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rtlCol="0" anchor="t" anchorCtr="0"/>
          <a:lstStyle>
            <a:lvl1pPr marL="0" indent="0">
              <a:buNone/>
              <a:defRPr sz="1800"/>
            </a:lvl1pPr>
          </a:lstStyle>
          <a:p>
            <a:pPr lvl="0" rtl="0"/>
            <a:r>
              <a:rPr lang="en-gb"/>
              <a:t>Ved Stranden 18, København</a:t>
            </a:r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Ta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en-gb" sz="480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 before use</a:t>
            </a:r>
            <a:endParaRPr lang="da-DK" sz="480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da-DK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da-DK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da-DK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 placeholder and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/>
              <a:t>insert picture via </a:t>
            </a:r>
            <a:r>
              <a:rPr lang="en-gb" sz="900" b="1"/>
              <a:t>Add Images</a:t>
            </a:r>
            <a:r>
              <a:rPr lang="en-gb" sz="900"/>
              <a:t>-button </a:t>
            </a:r>
            <a:br>
              <a:rPr lang="en-GB" sz="900"/>
            </a:br>
            <a:r>
              <a:rPr lang="en-gb" sz="900"/>
              <a:t>in the </a:t>
            </a:r>
            <a:r>
              <a:rPr lang="en-gb" sz="900" b="1"/>
              <a:t>NORDEN-</a:t>
            </a:r>
            <a:r>
              <a:rPr lang="en-gb" sz="900"/>
              <a:t>TAB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rtlCol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1">
                <a:latin typeface="+mn-lt"/>
              </a:rPr>
              <a:t>NORDEN</a:t>
            </a:r>
            <a:r>
              <a:rPr lang="en-gb" sz="900" b="0">
                <a:latin typeface="+mn-lt"/>
              </a:rPr>
              <a:t>-TAB and</a:t>
            </a:r>
            <a:r>
              <a:rPr lang="en-gb" sz="900">
                <a:latin typeface="+mn-lt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 or</a:t>
            </a:r>
            <a:r>
              <a:rPr lang="en-gb" sz="900" b="0" strike="noStrike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da-DK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da-DK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da-DK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  <a:endParaRPr lang="da-DK"/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da-DK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 and formatting of th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da-DK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da-DK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da-DK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da-DK"/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23. november 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pic>
        <p:nvPicPr>
          <p:cNvPr id="8" name="Bildobjekt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7598" y="5938708"/>
            <a:ext cx="1979402" cy="4959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990361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23. november 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/>
          </a:p>
        </p:txBody>
      </p:sp>
      <p:pic>
        <p:nvPicPr>
          <p:cNvPr id="8" name="Bildobjekt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997" y="5951859"/>
            <a:ext cx="1827294" cy="4578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5351041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 rtlCol="0"/>
          <a:lstStyle>
            <a:lvl1pPr marL="0" indent="0" algn="ctr">
              <a:buNone/>
              <a:defRPr baseline="0"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23. november 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pic>
        <p:nvPicPr>
          <p:cNvPr id="11" name="Bildobjekt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7598" y="5938708"/>
            <a:ext cx="1979402" cy="4959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426622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 rtlCol="0"/>
          <a:lstStyle>
            <a:lvl1pPr marL="0" indent="0" algn="ctr">
              <a:buNone/>
              <a:defRPr baseline="0"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pic>
        <p:nvPicPr>
          <p:cNvPr id="2146910893" name="Logo blue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23. november 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pic>
        <p:nvPicPr>
          <p:cNvPr id="9" name="Bildobjekt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1411" y="5948067"/>
            <a:ext cx="1841294" cy="4613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1441253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en-gb"/>
              <a:t>Click to add title in max 1 line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 rtlCol="0"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 rtl="0"/>
            <a:r>
              <a:rPr lang="en-gb"/>
              <a:t>Click to add text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2415547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 rtlCol="0"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360000" indent="-360000">
              <a:lnSpc>
                <a:spcPct val="98000"/>
              </a:lnSpc>
              <a:defRPr sz="2800"/>
            </a:lvl2pPr>
          </a:lstStyle>
          <a:p>
            <a:pPr lvl="0" rtl="0"/>
            <a:r>
              <a:rPr lang="en-gb"/>
              <a:t>Click to add intro text</a:t>
            </a:r>
          </a:p>
        </p:txBody>
      </p:sp>
    </p:spTree>
    <p:extLst>
      <p:ext uri="{BB962C8B-B14F-4D97-AF65-F5344CB8AC3E}">
        <p14:creationId xmlns:p14="http://schemas.microsoft.com/office/powerpoint/2010/main" val="199616025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en-gb"/>
              <a:t>Click to add text or conten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32881535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tshållare för bild 11">
            <a:extLst>
              <a:ext uri="{FF2B5EF4-FFF2-40B4-BE49-F238E27FC236}">
                <a16:creationId xmlns:a16="http://schemas.microsoft.com/office/drawing/2014/main" id="{A9174818-72F6-3840-6005-A4046B2637A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689205" y="-7239"/>
            <a:ext cx="4521266" cy="6892947"/>
          </a:xfrm>
          <a:custGeom>
            <a:avLst/>
            <a:gdLst>
              <a:gd name="csX0" fmla="*/ 272252 w 4521266"/>
              <a:gd name="csY0" fmla="*/ 247383 h 6892947"/>
              <a:gd name="csX1" fmla="*/ 457267 w 4521266"/>
              <a:gd name="csY1" fmla="*/ 1143311 h 6892947"/>
              <a:gd name="csX2" fmla="*/ 1011448 w 4521266"/>
              <a:gd name="csY2" fmla="*/ 561420 h 6892947"/>
              <a:gd name="csX3" fmla="*/ 1343958 w 4521266"/>
              <a:gd name="csY3" fmla="*/ 7238 h 6892947"/>
              <a:gd name="csX4" fmla="*/ 4502794 w 4521266"/>
              <a:gd name="csY4" fmla="*/ 7238 h 6892947"/>
              <a:gd name="csX5" fmla="*/ 4521266 w 4521266"/>
              <a:gd name="csY5" fmla="*/ 6883710 h 6892947"/>
              <a:gd name="csX6" fmla="*/ 383087 w 4521266"/>
              <a:gd name="csY6" fmla="*/ 6892947 h 6892947"/>
              <a:gd name="csX7" fmla="*/ 4685 w 4521266"/>
              <a:gd name="csY7" fmla="*/ 1383456 h 6892947"/>
              <a:gd name="csX8" fmla="*/ 272252 w 4521266"/>
              <a:gd name="csY8" fmla="*/ 247383 h 6892947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  <a:cxn ang="0">
                <a:pos x="csX3" y="csY3"/>
              </a:cxn>
              <a:cxn ang="0">
                <a:pos x="csX4" y="csY4"/>
              </a:cxn>
              <a:cxn ang="0">
                <a:pos x="csX5" y="csY5"/>
              </a:cxn>
              <a:cxn ang="0">
                <a:pos x="csX6" y="csY6"/>
              </a:cxn>
              <a:cxn ang="0">
                <a:pos x="csX7" y="csY7"/>
              </a:cxn>
              <a:cxn ang="0">
                <a:pos x="csX8" y="csY8"/>
              </a:cxn>
            </a:cxnLst>
            <a:rect l="l" t="t" r="r" b="b"/>
            <a:pathLst>
              <a:path w="4521266" h="6892947" fill="none" extrusionOk="0">
                <a:moveTo>
                  <a:pt x="272252" y="247383"/>
                </a:moveTo>
                <a:cubicBezTo>
                  <a:pt x="832512" y="216297"/>
                  <a:pt x="237457" y="757293"/>
                  <a:pt x="457267" y="1143311"/>
                </a:cubicBezTo>
                <a:cubicBezTo>
                  <a:pt x="570342" y="1202474"/>
                  <a:pt x="877512" y="799030"/>
                  <a:pt x="1011448" y="561420"/>
                </a:cubicBezTo>
                <a:cubicBezTo>
                  <a:pt x="1161327" y="374263"/>
                  <a:pt x="1381856" y="-58990"/>
                  <a:pt x="1343958" y="7238"/>
                </a:cubicBezTo>
                <a:cubicBezTo>
                  <a:pt x="2397863" y="159699"/>
                  <a:pt x="3129671" y="-49649"/>
                  <a:pt x="4502794" y="7238"/>
                </a:cubicBezTo>
                <a:cubicBezTo>
                  <a:pt x="4865298" y="2397525"/>
                  <a:pt x="4724464" y="4330164"/>
                  <a:pt x="4521266" y="6883710"/>
                </a:cubicBezTo>
                <a:cubicBezTo>
                  <a:pt x="4096112" y="6999345"/>
                  <a:pt x="1070342" y="6877488"/>
                  <a:pt x="383087" y="6892947"/>
                </a:cubicBezTo>
                <a:cubicBezTo>
                  <a:pt x="302166" y="4969099"/>
                  <a:pt x="265841" y="3368456"/>
                  <a:pt x="4685" y="1383456"/>
                </a:cubicBezTo>
                <a:cubicBezTo>
                  <a:pt x="-12437" y="270706"/>
                  <a:pt x="13670" y="298609"/>
                  <a:pt x="272252" y="247383"/>
                </a:cubicBezTo>
                <a:close/>
              </a:path>
              <a:path w="4521266" h="6892947" stroke="0" extrusionOk="0">
                <a:moveTo>
                  <a:pt x="272252" y="247383"/>
                </a:moveTo>
                <a:cubicBezTo>
                  <a:pt x="787660" y="257031"/>
                  <a:pt x="243422" y="738244"/>
                  <a:pt x="457267" y="1143311"/>
                </a:cubicBezTo>
                <a:cubicBezTo>
                  <a:pt x="591967" y="1234281"/>
                  <a:pt x="841873" y="755208"/>
                  <a:pt x="1011448" y="561420"/>
                </a:cubicBezTo>
                <a:cubicBezTo>
                  <a:pt x="1154216" y="362961"/>
                  <a:pt x="1386243" y="-55679"/>
                  <a:pt x="1343958" y="7238"/>
                </a:cubicBezTo>
                <a:cubicBezTo>
                  <a:pt x="1926696" y="-38103"/>
                  <a:pt x="3328970" y="-142079"/>
                  <a:pt x="4502794" y="7238"/>
                </a:cubicBezTo>
                <a:cubicBezTo>
                  <a:pt x="4414461" y="2276924"/>
                  <a:pt x="4715242" y="4557283"/>
                  <a:pt x="4521266" y="6883710"/>
                </a:cubicBezTo>
                <a:cubicBezTo>
                  <a:pt x="2641297" y="6869092"/>
                  <a:pt x="860070" y="6783519"/>
                  <a:pt x="383087" y="6892947"/>
                </a:cubicBezTo>
                <a:cubicBezTo>
                  <a:pt x="105901" y="4950471"/>
                  <a:pt x="187944" y="3397961"/>
                  <a:pt x="4685" y="1383456"/>
                </a:cubicBezTo>
                <a:cubicBezTo>
                  <a:pt x="-7775" y="277085"/>
                  <a:pt x="10353" y="295772"/>
                  <a:pt x="272252" y="247383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  <a:extLst>
              <a:ext uri="{C807C97D-BFC1-408E-A445-0C87EB9F89A2}">
                <ask:lineSketchStyleProps xmlns:ask="http://schemas.microsoft.com/office/drawing/2018/sketchyshapes" sd="2960630609">
                  <a:custGeom>
                    <a:avLst/>
                    <a:gdLst>
                      <a:gd name="connsiteX0" fmla="*/ 0 w 4581525"/>
                      <a:gd name="connsiteY0" fmla="*/ 0 h 6858000"/>
                      <a:gd name="connsiteX1" fmla="*/ 4581525 w 4581525"/>
                      <a:gd name="connsiteY1" fmla="*/ 0 h 6858000"/>
                      <a:gd name="connsiteX2" fmla="*/ 4581525 w 4581525"/>
                      <a:gd name="connsiteY2" fmla="*/ 6858000 h 6858000"/>
                      <a:gd name="connsiteX3" fmla="*/ 0 w 4581525"/>
                      <a:gd name="connsiteY3" fmla="*/ 6858000 h 6858000"/>
                      <a:gd name="connsiteX4" fmla="*/ 0 w 4581525"/>
                      <a:gd name="connsiteY4" fmla="*/ 0 h 6858000"/>
                      <a:gd name="connsiteX0" fmla="*/ 0 w 4581525"/>
                      <a:gd name="connsiteY0" fmla="*/ 0 h 6858000"/>
                      <a:gd name="connsiteX1" fmla="*/ 4581525 w 4581525"/>
                      <a:gd name="connsiteY1" fmla="*/ 0 h 6858000"/>
                      <a:gd name="connsiteX2" fmla="*/ 4581525 w 4581525"/>
                      <a:gd name="connsiteY2" fmla="*/ 6858000 h 6858000"/>
                      <a:gd name="connsiteX3" fmla="*/ 498764 w 4581525"/>
                      <a:gd name="connsiteY3" fmla="*/ 6848763 h 6858000"/>
                      <a:gd name="connsiteX4" fmla="*/ 0 w 4581525"/>
                      <a:gd name="connsiteY4" fmla="*/ 0 h 6858000"/>
                      <a:gd name="connsiteX0" fmla="*/ 0 w 4627707"/>
                      <a:gd name="connsiteY0" fmla="*/ 0 h 6858000"/>
                      <a:gd name="connsiteX1" fmla="*/ 4627707 w 4627707"/>
                      <a:gd name="connsiteY1" fmla="*/ 0 h 6858000"/>
                      <a:gd name="connsiteX2" fmla="*/ 4627707 w 4627707"/>
                      <a:gd name="connsiteY2" fmla="*/ 6858000 h 6858000"/>
                      <a:gd name="connsiteX3" fmla="*/ 544946 w 4627707"/>
                      <a:gd name="connsiteY3" fmla="*/ 6848763 h 6858000"/>
                      <a:gd name="connsiteX4" fmla="*/ 0 w 4627707"/>
                      <a:gd name="connsiteY4" fmla="*/ 0 h 6858000"/>
                      <a:gd name="connsiteX0" fmla="*/ 0 w 4627707"/>
                      <a:gd name="connsiteY0" fmla="*/ 18473 h 6876473"/>
                      <a:gd name="connsiteX1" fmla="*/ 4627707 w 4627707"/>
                      <a:gd name="connsiteY1" fmla="*/ 18473 h 6876473"/>
                      <a:gd name="connsiteX2" fmla="*/ 1542762 w 4627707"/>
                      <a:gd name="connsiteY2" fmla="*/ 0 h 6876473"/>
                      <a:gd name="connsiteX3" fmla="*/ 4627707 w 4627707"/>
                      <a:gd name="connsiteY3" fmla="*/ 6876473 h 6876473"/>
                      <a:gd name="connsiteX4" fmla="*/ 544946 w 4627707"/>
                      <a:gd name="connsiteY4" fmla="*/ 6867236 h 6876473"/>
                      <a:gd name="connsiteX5" fmla="*/ 0 w 4627707"/>
                      <a:gd name="connsiteY5" fmla="*/ 18473 h 6876473"/>
                      <a:gd name="connsiteX0" fmla="*/ 0 w 4627707"/>
                      <a:gd name="connsiteY0" fmla="*/ 0 h 6858000"/>
                      <a:gd name="connsiteX1" fmla="*/ 4627707 w 4627707"/>
                      <a:gd name="connsiteY1" fmla="*/ 0 h 6858000"/>
                      <a:gd name="connsiteX2" fmla="*/ 4627707 w 4627707"/>
                      <a:gd name="connsiteY2" fmla="*/ 6858000 h 6858000"/>
                      <a:gd name="connsiteX3" fmla="*/ 544946 w 4627707"/>
                      <a:gd name="connsiteY3" fmla="*/ 6848763 h 6858000"/>
                      <a:gd name="connsiteX4" fmla="*/ 0 w 4627707"/>
                      <a:gd name="connsiteY4" fmla="*/ 0 h 6858000"/>
                      <a:gd name="connsiteX0" fmla="*/ 0 w 4627707"/>
                      <a:gd name="connsiteY0" fmla="*/ 0 h 6858000"/>
                      <a:gd name="connsiteX1" fmla="*/ 1468871 w 4627707"/>
                      <a:gd name="connsiteY1" fmla="*/ 0 h 6858000"/>
                      <a:gd name="connsiteX2" fmla="*/ 4627707 w 4627707"/>
                      <a:gd name="connsiteY2" fmla="*/ 0 h 6858000"/>
                      <a:gd name="connsiteX3" fmla="*/ 4627707 w 4627707"/>
                      <a:gd name="connsiteY3" fmla="*/ 6858000 h 6858000"/>
                      <a:gd name="connsiteX4" fmla="*/ 544946 w 4627707"/>
                      <a:gd name="connsiteY4" fmla="*/ 6848763 h 6858000"/>
                      <a:gd name="connsiteX5" fmla="*/ 0 w 4627707"/>
                      <a:gd name="connsiteY5" fmla="*/ 0 h 6858000"/>
                      <a:gd name="connsiteX0" fmla="*/ 0 w 4627707"/>
                      <a:gd name="connsiteY0" fmla="*/ 18473 h 6876473"/>
                      <a:gd name="connsiteX1" fmla="*/ 591416 w 4627707"/>
                      <a:gd name="connsiteY1" fmla="*/ 0 h 6876473"/>
                      <a:gd name="connsiteX2" fmla="*/ 1468871 w 4627707"/>
                      <a:gd name="connsiteY2" fmla="*/ 18473 h 6876473"/>
                      <a:gd name="connsiteX3" fmla="*/ 4627707 w 4627707"/>
                      <a:gd name="connsiteY3" fmla="*/ 18473 h 6876473"/>
                      <a:gd name="connsiteX4" fmla="*/ 4627707 w 4627707"/>
                      <a:gd name="connsiteY4" fmla="*/ 6876473 h 6876473"/>
                      <a:gd name="connsiteX5" fmla="*/ 544946 w 4627707"/>
                      <a:gd name="connsiteY5" fmla="*/ 6867236 h 6876473"/>
                      <a:gd name="connsiteX6" fmla="*/ 0 w 4627707"/>
                      <a:gd name="connsiteY6" fmla="*/ 18473 h 6876473"/>
                      <a:gd name="connsiteX0" fmla="*/ 0 w 4627707"/>
                      <a:gd name="connsiteY0" fmla="*/ 0 h 6858000"/>
                      <a:gd name="connsiteX1" fmla="*/ 572944 w 4627707"/>
                      <a:gd name="connsiteY1" fmla="*/ 1182254 h 6858000"/>
                      <a:gd name="connsiteX2" fmla="*/ 1468871 w 4627707"/>
                      <a:gd name="connsiteY2" fmla="*/ 0 h 6858000"/>
                      <a:gd name="connsiteX3" fmla="*/ 4627707 w 4627707"/>
                      <a:gd name="connsiteY3" fmla="*/ 0 h 6858000"/>
                      <a:gd name="connsiteX4" fmla="*/ 4627707 w 4627707"/>
                      <a:gd name="connsiteY4" fmla="*/ 6858000 h 6858000"/>
                      <a:gd name="connsiteX5" fmla="*/ 544946 w 4627707"/>
                      <a:gd name="connsiteY5" fmla="*/ 6848763 h 6858000"/>
                      <a:gd name="connsiteX6" fmla="*/ 0 w 4627707"/>
                      <a:gd name="connsiteY6" fmla="*/ 0 h 6858000"/>
                      <a:gd name="connsiteX0" fmla="*/ 0 w 4627707"/>
                      <a:gd name="connsiteY0" fmla="*/ 0 h 6858000"/>
                      <a:gd name="connsiteX1" fmla="*/ 572944 w 4627707"/>
                      <a:gd name="connsiteY1" fmla="*/ 1182254 h 6858000"/>
                      <a:gd name="connsiteX2" fmla="*/ 1468871 w 4627707"/>
                      <a:gd name="connsiteY2" fmla="*/ 0 h 6858000"/>
                      <a:gd name="connsiteX3" fmla="*/ 4627707 w 4627707"/>
                      <a:gd name="connsiteY3" fmla="*/ 0 h 6858000"/>
                      <a:gd name="connsiteX4" fmla="*/ 4627707 w 4627707"/>
                      <a:gd name="connsiteY4" fmla="*/ 6858000 h 6858000"/>
                      <a:gd name="connsiteX5" fmla="*/ 544946 w 4627707"/>
                      <a:gd name="connsiteY5" fmla="*/ 6848763 h 6858000"/>
                      <a:gd name="connsiteX6" fmla="*/ 55707 w 4627707"/>
                      <a:gd name="connsiteY6" fmla="*/ 646545 h 6858000"/>
                      <a:gd name="connsiteX7" fmla="*/ 0 w 4627707"/>
                      <a:gd name="connsiteY7" fmla="*/ 0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7402 w 4572527"/>
                      <a:gd name="connsiteY0" fmla="*/ 295563 h 6858000"/>
                      <a:gd name="connsiteX1" fmla="*/ 517764 w 4572527"/>
                      <a:gd name="connsiteY1" fmla="*/ 1182254 h 6858000"/>
                      <a:gd name="connsiteX2" fmla="*/ 1413691 w 4572527"/>
                      <a:gd name="connsiteY2" fmla="*/ 0 h 6858000"/>
                      <a:gd name="connsiteX3" fmla="*/ 4572527 w 4572527"/>
                      <a:gd name="connsiteY3" fmla="*/ 0 h 6858000"/>
                      <a:gd name="connsiteX4" fmla="*/ 4572527 w 4572527"/>
                      <a:gd name="connsiteY4" fmla="*/ 6858000 h 6858000"/>
                      <a:gd name="connsiteX5" fmla="*/ 489766 w 4572527"/>
                      <a:gd name="connsiteY5" fmla="*/ 6848763 h 6858000"/>
                      <a:gd name="connsiteX6" fmla="*/ 527 w 4572527"/>
                      <a:gd name="connsiteY6" fmla="*/ 646545 h 6858000"/>
                      <a:gd name="connsiteX7" fmla="*/ 397402 w 4572527"/>
                      <a:gd name="connsiteY7" fmla="*/ 295563 h 6858000"/>
                      <a:gd name="connsiteX0" fmla="*/ 397659 w 4572784"/>
                      <a:gd name="connsiteY0" fmla="*/ 295563 h 6858000"/>
                      <a:gd name="connsiteX1" fmla="*/ 518021 w 4572784"/>
                      <a:gd name="connsiteY1" fmla="*/ 1182254 h 6858000"/>
                      <a:gd name="connsiteX2" fmla="*/ 1413948 w 4572784"/>
                      <a:gd name="connsiteY2" fmla="*/ 0 h 6858000"/>
                      <a:gd name="connsiteX3" fmla="*/ 4572784 w 4572784"/>
                      <a:gd name="connsiteY3" fmla="*/ 0 h 6858000"/>
                      <a:gd name="connsiteX4" fmla="*/ 4572784 w 4572784"/>
                      <a:gd name="connsiteY4" fmla="*/ 6858000 h 6858000"/>
                      <a:gd name="connsiteX5" fmla="*/ 490023 w 4572784"/>
                      <a:gd name="connsiteY5" fmla="*/ 6848763 h 6858000"/>
                      <a:gd name="connsiteX6" fmla="*/ 784 w 4572784"/>
                      <a:gd name="connsiteY6" fmla="*/ 646545 h 6858000"/>
                      <a:gd name="connsiteX7" fmla="*/ 397659 w 4572784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858982 w 4572000"/>
                      <a:gd name="connsiteY2" fmla="*/ 424873 h 6858000"/>
                      <a:gd name="connsiteX3" fmla="*/ 1413164 w 4572000"/>
                      <a:gd name="connsiteY3" fmla="*/ 0 h 6858000"/>
                      <a:gd name="connsiteX4" fmla="*/ 4572000 w 4572000"/>
                      <a:gd name="connsiteY4" fmla="*/ 0 h 6858000"/>
                      <a:gd name="connsiteX5" fmla="*/ 4572000 w 4572000"/>
                      <a:gd name="connsiteY5" fmla="*/ 6858000 h 6858000"/>
                      <a:gd name="connsiteX6" fmla="*/ 489239 w 4572000"/>
                      <a:gd name="connsiteY6" fmla="*/ 6848763 h 6858000"/>
                      <a:gd name="connsiteX7" fmla="*/ 0 w 4572000"/>
                      <a:gd name="connsiteY7" fmla="*/ 646545 h 6858000"/>
                      <a:gd name="connsiteX8" fmla="*/ 396875 w 4572000"/>
                      <a:gd name="connsiteY8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858982 w 4572000"/>
                      <a:gd name="connsiteY2" fmla="*/ 424873 h 6858000"/>
                      <a:gd name="connsiteX3" fmla="*/ 1413164 w 4572000"/>
                      <a:gd name="connsiteY3" fmla="*/ 0 h 6858000"/>
                      <a:gd name="connsiteX4" fmla="*/ 4572000 w 4572000"/>
                      <a:gd name="connsiteY4" fmla="*/ 0 h 6858000"/>
                      <a:gd name="connsiteX5" fmla="*/ 4572000 w 4572000"/>
                      <a:gd name="connsiteY5" fmla="*/ 6858000 h 6858000"/>
                      <a:gd name="connsiteX6" fmla="*/ 489239 w 4572000"/>
                      <a:gd name="connsiteY6" fmla="*/ 6848763 h 6858000"/>
                      <a:gd name="connsiteX7" fmla="*/ 0 w 4572000"/>
                      <a:gd name="connsiteY7" fmla="*/ 646545 h 6858000"/>
                      <a:gd name="connsiteX8" fmla="*/ 396875 w 4572000"/>
                      <a:gd name="connsiteY8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080654 w 4572000"/>
                      <a:gd name="connsiteY2" fmla="*/ 554182 h 6858000"/>
                      <a:gd name="connsiteX3" fmla="*/ 1413164 w 4572000"/>
                      <a:gd name="connsiteY3" fmla="*/ 0 h 6858000"/>
                      <a:gd name="connsiteX4" fmla="*/ 4572000 w 4572000"/>
                      <a:gd name="connsiteY4" fmla="*/ 0 h 6858000"/>
                      <a:gd name="connsiteX5" fmla="*/ 4572000 w 4572000"/>
                      <a:gd name="connsiteY5" fmla="*/ 6858000 h 6858000"/>
                      <a:gd name="connsiteX6" fmla="*/ 489239 w 4572000"/>
                      <a:gd name="connsiteY6" fmla="*/ 6848763 h 6858000"/>
                      <a:gd name="connsiteX7" fmla="*/ 0 w 4572000"/>
                      <a:gd name="connsiteY7" fmla="*/ 646545 h 6858000"/>
                      <a:gd name="connsiteX8" fmla="*/ 396875 w 4572000"/>
                      <a:gd name="connsiteY8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080654 w 4572000"/>
                      <a:gd name="connsiteY2" fmla="*/ 554182 h 6858000"/>
                      <a:gd name="connsiteX3" fmla="*/ 1413164 w 4572000"/>
                      <a:gd name="connsiteY3" fmla="*/ 0 h 6858000"/>
                      <a:gd name="connsiteX4" fmla="*/ 4572000 w 4572000"/>
                      <a:gd name="connsiteY4" fmla="*/ 0 h 6858000"/>
                      <a:gd name="connsiteX5" fmla="*/ 4572000 w 4572000"/>
                      <a:gd name="connsiteY5" fmla="*/ 6858000 h 6858000"/>
                      <a:gd name="connsiteX6" fmla="*/ 489239 w 4572000"/>
                      <a:gd name="connsiteY6" fmla="*/ 6848763 h 6858000"/>
                      <a:gd name="connsiteX7" fmla="*/ 0 w 4572000"/>
                      <a:gd name="connsiteY7" fmla="*/ 646545 h 6858000"/>
                      <a:gd name="connsiteX8" fmla="*/ 396875 w 4572000"/>
                      <a:gd name="connsiteY8" fmla="*/ 295563 h 6858000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53783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53783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53783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53783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53783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96875 w 4572000"/>
                      <a:gd name="connsiteY8" fmla="*/ 302801 h 6865238"/>
                      <a:gd name="connsiteX0" fmla="*/ 387639 w 4572000"/>
                      <a:gd name="connsiteY0" fmla="*/ 265856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65856 h 6865238"/>
                      <a:gd name="connsiteX0" fmla="*/ 387639 w 4572000"/>
                      <a:gd name="connsiteY0" fmla="*/ 265856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65856 h 6865238"/>
                      <a:gd name="connsiteX0" fmla="*/ 387639 w 4572000"/>
                      <a:gd name="connsiteY0" fmla="*/ 265856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65856 h 6865238"/>
                      <a:gd name="connsiteX0" fmla="*/ 387639 w 4572000"/>
                      <a:gd name="connsiteY0" fmla="*/ 265856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65856 h 6865238"/>
                      <a:gd name="connsiteX0" fmla="*/ 387639 w 4572000"/>
                      <a:gd name="connsiteY0" fmla="*/ 302802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302802 h 6865238"/>
                      <a:gd name="connsiteX0" fmla="*/ 387639 w 4572000"/>
                      <a:gd name="connsiteY0" fmla="*/ 302802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302802 h 6865238"/>
                      <a:gd name="connsiteX0" fmla="*/ 387639 w 4572000"/>
                      <a:gd name="connsiteY0" fmla="*/ 302802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302802 h 6865238"/>
                      <a:gd name="connsiteX0" fmla="*/ 387639 w 4572000"/>
                      <a:gd name="connsiteY0" fmla="*/ 302802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302802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69167 w 4572000"/>
                      <a:gd name="connsiteY0" fmla="*/ 275092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69167 w 4572000"/>
                      <a:gd name="connsiteY8" fmla="*/ 275092 h 6865238"/>
                      <a:gd name="connsiteX0" fmla="*/ 341458 w 4572000"/>
                      <a:gd name="connsiteY0" fmla="*/ 247383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41458 w 4572000"/>
                      <a:gd name="connsiteY8" fmla="*/ 247383 h 6865238"/>
                      <a:gd name="connsiteX0" fmla="*/ 341458 w 4572000"/>
                      <a:gd name="connsiteY0" fmla="*/ 247383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41458 w 4572000"/>
                      <a:gd name="connsiteY8" fmla="*/ 247383 h 6865238"/>
                      <a:gd name="connsiteX0" fmla="*/ 341458 w 4572000"/>
                      <a:gd name="connsiteY0" fmla="*/ 247383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41458 w 4572000"/>
                      <a:gd name="connsiteY8" fmla="*/ 247383 h 6865238"/>
                      <a:gd name="connsiteX0" fmla="*/ 341458 w 4572000"/>
                      <a:gd name="connsiteY0" fmla="*/ 247383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41458 w 4572000"/>
                      <a:gd name="connsiteY8" fmla="*/ 247383 h 6865238"/>
                      <a:gd name="connsiteX0" fmla="*/ 358103 w 4588645"/>
                      <a:gd name="connsiteY0" fmla="*/ 247383 h 6865238"/>
                      <a:gd name="connsiteX1" fmla="*/ 533882 w 4588645"/>
                      <a:gd name="connsiteY1" fmla="*/ 1152547 h 6865238"/>
                      <a:gd name="connsiteX2" fmla="*/ 1097299 w 4588645"/>
                      <a:gd name="connsiteY2" fmla="*/ 561420 h 6865238"/>
                      <a:gd name="connsiteX3" fmla="*/ 1429809 w 4588645"/>
                      <a:gd name="connsiteY3" fmla="*/ 7238 h 6865238"/>
                      <a:gd name="connsiteX4" fmla="*/ 4588645 w 4588645"/>
                      <a:gd name="connsiteY4" fmla="*/ 7238 h 6865238"/>
                      <a:gd name="connsiteX5" fmla="*/ 4588645 w 4588645"/>
                      <a:gd name="connsiteY5" fmla="*/ 6865238 h 6865238"/>
                      <a:gd name="connsiteX6" fmla="*/ 505884 w 4588645"/>
                      <a:gd name="connsiteY6" fmla="*/ 6856001 h 6865238"/>
                      <a:gd name="connsiteX7" fmla="*/ 16645 w 4588645"/>
                      <a:gd name="connsiteY7" fmla="*/ 699965 h 6865238"/>
                      <a:gd name="connsiteX8" fmla="*/ 136718 w 4588645"/>
                      <a:gd name="connsiteY8" fmla="*/ 348984 h 6865238"/>
                      <a:gd name="connsiteX9" fmla="*/ 358103 w 4588645"/>
                      <a:gd name="connsiteY9" fmla="*/ 247383 h 6865238"/>
                      <a:gd name="connsiteX0" fmla="*/ 295610 w 4526152"/>
                      <a:gd name="connsiteY0" fmla="*/ 247383 h 6865238"/>
                      <a:gd name="connsiteX1" fmla="*/ 471389 w 4526152"/>
                      <a:gd name="connsiteY1" fmla="*/ 1152547 h 6865238"/>
                      <a:gd name="connsiteX2" fmla="*/ 1034806 w 4526152"/>
                      <a:gd name="connsiteY2" fmla="*/ 561420 h 6865238"/>
                      <a:gd name="connsiteX3" fmla="*/ 1367316 w 4526152"/>
                      <a:gd name="connsiteY3" fmla="*/ 7238 h 6865238"/>
                      <a:gd name="connsiteX4" fmla="*/ 4526152 w 4526152"/>
                      <a:gd name="connsiteY4" fmla="*/ 7238 h 6865238"/>
                      <a:gd name="connsiteX5" fmla="*/ 4526152 w 4526152"/>
                      <a:gd name="connsiteY5" fmla="*/ 6865238 h 6865238"/>
                      <a:gd name="connsiteX6" fmla="*/ 443391 w 4526152"/>
                      <a:gd name="connsiteY6" fmla="*/ 6856001 h 6865238"/>
                      <a:gd name="connsiteX7" fmla="*/ 28043 w 4526152"/>
                      <a:gd name="connsiteY7" fmla="*/ 1383456 h 6865238"/>
                      <a:gd name="connsiteX8" fmla="*/ 74225 w 4526152"/>
                      <a:gd name="connsiteY8" fmla="*/ 348984 h 6865238"/>
                      <a:gd name="connsiteX9" fmla="*/ 295610 w 4526152"/>
                      <a:gd name="connsiteY9" fmla="*/ 247383 h 6865238"/>
                      <a:gd name="connsiteX0" fmla="*/ 327829 w 4558371"/>
                      <a:gd name="connsiteY0" fmla="*/ 247383 h 6865238"/>
                      <a:gd name="connsiteX1" fmla="*/ 503608 w 4558371"/>
                      <a:gd name="connsiteY1" fmla="*/ 1152547 h 6865238"/>
                      <a:gd name="connsiteX2" fmla="*/ 1067025 w 4558371"/>
                      <a:gd name="connsiteY2" fmla="*/ 561420 h 6865238"/>
                      <a:gd name="connsiteX3" fmla="*/ 1399535 w 4558371"/>
                      <a:gd name="connsiteY3" fmla="*/ 7238 h 6865238"/>
                      <a:gd name="connsiteX4" fmla="*/ 4558371 w 4558371"/>
                      <a:gd name="connsiteY4" fmla="*/ 7238 h 6865238"/>
                      <a:gd name="connsiteX5" fmla="*/ 4558371 w 4558371"/>
                      <a:gd name="connsiteY5" fmla="*/ 6865238 h 6865238"/>
                      <a:gd name="connsiteX6" fmla="*/ 475610 w 4558371"/>
                      <a:gd name="connsiteY6" fmla="*/ 6856001 h 6865238"/>
                      <a:gd name="connsiteX7" fmla="*/ 60262 w 4558371"/>
                      <a:gd name="connsiteY7" fmla="*/ 1383456 h 6865238"/>
                      <a:gd name="connsiteX8" fmla="*/ 32553 w 4558371"/>
                      <a:gd name="connsiteY8" fmla="*/ 469057 h 6865238"/>
                      <a:gd name="connsiteX9" fmla="*/ 327829 w 4558371"/>
                      <a:gd name="connsiteY9" fmla="*/ 247383 h 6865238"/>
                      <a:gd name="connsiteX0" fmla="*/ 348041 w 4578583"/>
                      <a:gd name="connsiteY0" fmla="*/ 247383 h 6865238"/>
                      <a:gd name="connsiteX1" fmla="*/ 523820 w 4578583"/>
                      <a:gd name="connsiteY1" fmla="*/ 1152547 h 6865238"/>
                      <a:gd name="connsiteX2" fmla="*/ 1087237 w 4578583"/>
                      <a:gd name="connsiteY2" fmla="*/ 561420 h 6865238"/>
                      <a:gd name="connsiteX3" fmla="*/ 1419747 w 4578583"/>
                      <a:gd name="connsiteY3" fmla="*/ 7238 h 6865238"/>
                      <a:gd name="connsiteX4" fmla="*/ 4578583 w 4578583"/>
                      <a:gd name="connsiteY4" fmla="*/ 7238 h 6865238"/>
                      <a:gd name="connsiteX5" fmla="*/ 4578583 w 4578583"/>
                      <a:gd name="connsiteY5" fmla="*/ 6865238 h 6865238"/>
                      <a:gd name="connsiteX6" fmla="*/ 495822 w 4578583"/>
                      <a:gd name="connsiteY6" fmla="*/ 6856001 h 6865238"/>
                      <a:gd name="connsiteX7" fmla="*/ 80474 w 4578583"/>
                      <a:gd name="connsiteY7" fmla="*/ 1383456 h 6865238"/>
                      <a:gd name="connsiteX8" fmla="*/ 52765 w 4578583"/>
                      <a:gd name="connsiteY8" fmla="*/ 469057 h 6865238"/>
                      <a:gd name="connsiteX9" fmla="*/ 348041 w 4578583"/>
                      <a:gd name="connsiteY9" fmla="*/ 247383 h 6865238"/>
                      <a:gd name="connsiteX0" fmla="*/ 348041 w 4578583"/>
                      <a:gd name="connsiteY0" fmla="*/ 247383 h 6865238"/>
                      <a:gd name="connsiteX1" fmla="*/ 523820 w 4578583"/>
                      <a:gd name="connsiteY1" fmla="*/ 1152547 h 6865238"/>
                      <a:gd name="connsiteX2" fmla="*/ 1087237 w 4578583"/>
                      <a:gd name="connsiteY2" fmla="*/ 561420 h 6865238"/>
                      <a:gd name="connsiteX3" fmla="*/ 1419747 w 4578583"/>
                      <a:gd name="connsiteY3" fmla="*/ 7238 h 6865238"/>
                      <a:gd name="connsiteX4" fmla="*/ 4578583 w 4578583"/>
                      <a:gd name="connsiteY4" fmla="*/ 7238 h 6865238"/>
                      <a:gd name="connsiteX5" fmla="*/ 4578583 w 4578583"/>
                      <a:gd name="connsiteY5" fmla="*/ 6865238 h 6865238"/>
                      <a:gd name="connsiteX6" fmla="*/ 495822 w 4578583"/>
                      <a:gd name="connsiteY6" fmla="*/ 6856001 h 6865238"/>
                      <a:gd name="connsiteX7" fmla="*/ 80474 w 4578583"/>
                      <a:gd name="connsiteY7" fmla="*/ 1383456 h 6865238"/>
                      <a:gd name="connsiteX8" fmla="*/ 52765 w 4578583"/>
                      <a:gd name="connsiteY8" fmla="*/ 441348 h 6865238"/>
                      <a:gd name="connsiteX9" fmla="*/ 348041 w 457858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03610 w 4558373"/>
                      <a:gd name="connsiteY1" fmla="*/ 1152547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03610 w 4558373"/>
                      <a:gd name="connsiteY1" fmla="*/ 1152547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03610 w 4558373"/>
                      <a:gd name="connsiteY1" fmla="*/ 1152547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57139 w 4558373"/>
                      <a:gd name="connsiteY6" fmla="*/ 6865238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76845"/>
                      <a:gd name="connsiteY0" fmla="*/ 247383 h 6883710"/>
                      <a:gd name="connsiteX1" fmla="*/ 512846 w 4576845"/>
                      <a:gd name="connsiteY1" fmla="*/ 1143311 h 6883710"/>
                      <a:gd name="connsiteX2" fmla="*/ 1067027 w 4576845"/>
                      <a:gd name="connsiteY2" fmla="*/ 561420 h 6883710"/>
                      <a:gd name="connsiteX3" fmla="*/ 1399537 w 4576845"/>
                      <a:gd name="connsiteY3" fmla="*/ 7238 h 6883710"/>
                      <a:gd name="connsiteX4" fmla="*/ 4558373 w 4576845"/>
                      <a:gd name="connsiteY4" fmla="*/ 7238 h 6883710"/>
                      <a:gd name="connsiteX5" fmla="*/ 4576845 w 4576845"/>
                      <a:gd name="connsiteY5" fmla="*/ 6883710 h 6883710"/>
                      <a:gd name="connsiteX6" fmla="*/ 457139 w 4576845"/>
                      <a:gd name="connsiteY6" fmla="*/ 6865238 h 6883710"/>
                      <a:gd name="connsiteX7" fmla="*/ 60264 w 4576845"/>
                      <a:gd name="connsiteY7" fmla="*/ 1383456 h 6883710"/>
                      <a:gd name="connsiteX8" fmla="*/ 32555 w 4576845"/>
                      <a:gd name="connsiteY8" fmla="*/ 441348 h 6883710"/>
                      <a:gd name="connsiteX9" fmla="*/ 327831 w 4576845"/>
                      <a:gd name="connsiteY9" fmla="*/ 247383 h 6883710"/>
                      <a:gd name="connsiteX0" fmla="*/ 327831 w 4576845"/>
                      <a:gd name="connsiteY0" fmla="*/ 247383 h 6892947"/>
                      <a:gd name="connsiteX1" fmla="*/ 512846 w 4576845"/>
                      <a:gd name="connsiteY1" fmla="*/ 1143311 h 6892947"/>
                      <a:gd name="connsiteX2" fmla="*/ 1067027 w 4576845"/>
                      <a:gd name="connsiteY2" fmla="*/ 561420 h 6892947"/>
                      <a:gd name="connsiteX3" fmla="*/ 1399537 w 4576845"/>
                      <a:gd name="connsiteY3" fmla="*/ 7238 h 6892947"/>
                      <a:gd name="connsiteX4" fmla="*/ 4558373 w 4576845"/>
                      <a:gd name="connsiteY4" fmla="*/ 7238 h 6892947"/>
                      <a:gd name="connsiteX5" fmla="*/ 4576845 w 4576845"/>
                      <a:gd name="connsiteY5" fmla="*/ 6883710 h 6892947"/>
                      <a:gd name="connsiteX6" fmla="*/ 438666 w 4576845"/>
                      <a:gd name="connsiteY6" fmla="*/ 6892947 h 6892947"/>
                      <a:gd name="connsiteX7" fmla="*/ 60264 w 4576845"/>
                      <a:gd name="connsiteY7" fmla="*/ 1383456 h 6892947"/>
                      <a:gd name="connsiteX8" fmla="*/ 32555 w 4576845"/>
                      <a:gd name="connsiteY8" fmla="*/ 441348 h 6892947"/>
                      <a:gd name="connsiteX9" fmla="*/ 327831 w 4576845"/>
                      <a:gd name="connsiteY9" fmla="*/ 247383 h 6892947"/>
                      <a:gd name="connsiteX0" fmla="*/ 300853 w 4549867"/>
                      <a:gd name="connsiteY0" fmla="*/ 247383 h 6892947"/>
                      <a:gd name="connsiteX1" fmla="*/ 485868 w 4549867"/>
                      <a:gd name="connsiteY1" fmla="*/ 1143311 h 6892947"/>
                      <a:gd name="connsiteX2" fmla="*/ 1040049 w 4549867"/>
                      <a:gd name="connsiteY2" fmla="*/ 561420 h 6892947"/>
                      <a:gd name="connsiteX3" fmla="*/ 1372559 w 4549867"/>
                      <a:gd name="connsiteY3" fmla="*/ 7238 h 6892947"/>
                      <a:gd name="connsiteX4" fmla="*/ 4531395 w 4549867"/>
                      <a:gd name="connsiteY4" fmla="*/ 7238 h 6892947"/>
                      <a:gd name="connsiteX5" fmla="*/ 4549867 w 4549867"/>
                      <a:gd name="connsiteY5" fmla="*/ 6883710 h 6892947"/>
                      <a:gd name="connsiteX6" fmla="*/ 411688 w 4549867"/>
                      <a:gd name="connsiteY6" fmla="*/ 6892947 h 6892947"/>
                      <a:gd name="connsiteX7" fmla="*/ 33286 w 4549867"/>
                      <a:gd name="connsiteY7" fmla="*/ 1383456 h 6892947"/>
                      <a:gd name="connsiteX8" fmla="*/ 60995 w 4549867"/>
                      <a:gd name="connsiteY8" fmla="*/ 450584 h 6892947"/>
                      <a:gd name="connsiteX9" fmla="*/ 300853 w 4549867"/>
                      <a:gd name="connsiteY9" fmla="*/ 247383 h 6892947"/>
                      <a:gd name="connsiteX0" fmla="*/ 300853 w 4549867"/>
                      <a:gd name="connsiteY0" fmla="*/ 247383 h 6892947"/>
                      <a:gd name="connsiteX1" fmla="*/ 485868 w 4549867"/>
                      <a:gd name="connsiteY1" fmla="*/ 1143311 h 6892947"/>
                      <a:gd name="connsiteX2" fmla="*/ 1040049 w 4549867"/>
                      <a:gd name="connsiteY2" fmla="*/ 561420 h 6892947"/>
                      <a:gd name="connsiteX3" fmla="*/ 1372559 w 4549867"/>
                      <a:gd name="connsiteY3" fmla="*/ 7238 h 6892947"/>
                      <a:gd name="connsiteX4" fmla="*/ 4531395 w 4549867"/>
                      <a:gd name="connsiteY4" fmla="*/ 7238 h 6892947"/>
                      <a:gd name="connsiteX5" fmla="*/ 4549867 w 4549867"/>
                      <a:gd name="connsiteY5" fmla="*/ 6883710 h 6892947"/>
                      <a:gd name="connsiteX6" fmla="*/ 411688 w 4549867"/>
                      <a:gd name="connsiteY6" fmla="*/ 6892947 h 6892947"/>
                      <a:gd name="connsiteX7" fmla="*/ 33286 w 4549867"/>
                      <a:gd name="connsiteY7" fmla="*/ 1383456 h 6892947"/>
                      <a:gd name="connsiteX8" fmla="*/ 60995 w 4549867"/>
                      <a:gd name="connsiteY8" fmla="*/ 450584 h 6892947"/>
                      <a:gd name="connsiteX9" fmla="*/ 300853 w 4549867"/>
                      <a:gd name="connsiteY9" fmla="*/ 247383 h 6892947"/>
                      <a:gd name="connsiteX0" fmla="*/ 318920 w 4567934"/>
                      <a:gd name="connsiteY0" fmla="*/ 247383 h 6892947"/>
                      <a:gd name="connsiteX1" fmla="*/ 503935 w 4567934"/>
                      <a:gd name="connsiteY1" fmla="*/ 1143311 h 6892947"/>
                      <a:gd name="connsiteX2" fmla="*/ 1058116 w 4567934"/>
                      <a:gd name="connsiteY2" fmla="*/ 561420 h 6892947"/>
                      <a:gd name="connsiteX3" fmla="*/ 1390626 w 4567934"/>
                      <a:gd name="connsiteY3" fmla="*/ 7238 h 6892947"/>
                      <a:gd name="connsiteX4" fmla="*/ 4549462 w 4567934"/>
                      <a:gd name="connsiteY4" fmla="*/ 7238 h 6892947"/>
                      <a:gd name="connsiteX5" fmla="*/ 4567934 w 4567934"/>
                      <a:gd name="connsiteY5" fmla="*/ 6883710 h 6892947"/>
                      <a:gd name="connsiteX6" fmla="*/ 429755 w 4567934"/>
                      <a:gd name="connsiteY6" fmla="*/ 6892947 h 6892947"/>
                      <a:gd name="connsiteX7" fmla="*/ 51353 w 4567934"/>
                      <a:gd name="connsiteY7" fmla="*/ 1383456 h 6892947"/>
                      <a:gd name="connsiteX8" fmla="*/ 79062 w 4567934"/>
                      <a:gd name="connsiteY8" fmla="*/ 450584 h 6892947"/>
                      <a:gd name="connsiteX9" fmla="*/ 318920 w 4567934"/>
                      <a:gd name="connsiteY9" fmla="*/ 247383 h 6892947"/>
                      <a:gd name="connsiteX0" fmla="*/ 329785 w 4578799"/>
                      <a:gd name="connsiteY0" fmla="*/ 247383 h 6892947"/>
                      <a:gd name="connsiteX1" fmla="*/ 514800 w 4578799"/>
                      <a:gd name="connsiteY1" fmla="*/ 1143311 h 6892947"/>
                      <a:gd name="connsiteX2" fmla="*/ 1068981 w 4578799"/>
                      <a:gd name="connsiteY2" fmla="*/ 561420 h 6892947"/>
                      <a:gd name="connsiteX3" fmla="*/ 1401491 w 4578799"/>
                      <a:gd name="connsiteY3" fmla="*/ 7238 h 6892947"/>
                      <a:gd name="connsiteX4" fmla="*/ 4560327 w 4578799"/>
                      <a:gd name="connsiteY4" fmla="*/ 7238 h 6892947"/>
                      <a:gd name="connsiteX5" fmla="*/ 4578799 w 4578799"/>
                      <a:gd name="connsiteY5" fmla="*/ 6883710 h 6892947"/>
                      <a:gd name="connsiteX6" fmla="*/ 440620 w 4578799"/>
                      <a:gd name="connsiteY6" fmla="*/ 6892947 h 6892947"/>
                      <a:gd name="connsiteX7" fmla="*/ 62218 w 4578799"/>
                      <a:gd name="connsiteY7" fmla="*/ 1383456 h 6892947"/>
                      <a:gd name="connsiteX8" fmla="*/ 89927 w 4578799"/>
                      <a:gd name="connsiteY8" fmla="*/ 450584 h 6892947"/>
                      <a:gd name="connsiteX9" fmla="*/ 329785 w 4578799"/>
                      <a:gd name="connsiteY9" fmla="*/ 247383 h 6892947"/>
                      <a:gd name="connsiteX0" fmla="*/ 329785 w 4578799"/>
                      <a:gd name="connsiteY0" fmla="*/ 247383 h 6892947"/>
                      <a:gd name="connsiteX1" fmla="*/ 514800 w 4578799"/>
                      <a:gd name="connsiteY1" fmla="*/ 1143311 h 6892947"/>
                      <a:gd name="connsiteX2" fmla="*/ 1068981 w 4578799"/>
                      <a:gd name="connsiteY2" fmla="*/ 561420 h 6892947"/>
                      <a:gd name="connsiteX3" fmla="*/ 1401491 w 4578799"/>
                      <a:gd name="connsiteY3" fmla="*/ 7238 h 6892947"/>
                      <a:gd name="connsiteX4" fmla="*/ 4560327 w 4578799"/>
                      <a:gd name="connsiteY4" fmla="*/ 7238 h 6892947"/>
                      <a:gd name="connsiteX5" fmla="*/ 4578799 w 4578799"/>
                      <a:gd name="connsiteY5" fmla="*/ 6883710 h 6892947"/>
                      <a:gd name="connsiteX6" fmla="*/ 440620 w 4578799"/>
                      <a:gd name="connsiteY6" fmla="*/ 6892947 h 6892947"/>
                      <a:gd name="connsiteX7" fmla="*/ 62218 w 4578799"/>
                      <a:gd name="connsiteY7" fmla="*/ 1383456 h 6892947"/>
                      <a:gd name="connsiteX8" fmla="*/ 89927 w 4578799"/>
                      <a:gd name="connsiteY8" fmla="*/ 450584 h 6892947"/>
                      <a:gd name="connsiteX9" fmla="*/ 329785 w 4578799"/>
                      <a:gd name="connsiteY9" fmla="*/ 247383 h 6892947"/>
                      <a:gd name="connsiteX0" fmla="*/ 268710 w 4517724"/>
                      <a:gd name="connsiteY0" fmla="*/ 247383 h 6892947"/>
                      <a:gd name="connsiteX1" fmla="*/ 453725 w 4517724"/>
                      <a:gd name="connsiteY1" fmla="*/ 1143311 h 6892947"/>
                      <a:gd name="connsiteX2" fmla="*/ 1007906 w 4517724"/>
                      <a:gd name="connsiteY2" fmla="*/ 561420 h 6892947"/>
                      <a:gd name="connsiteX3" fmla="*/ 1340416 w 4517724"/>
                      <a:gd name="connsiteY3" fmla="*/ 7238 h 6892947"/>
                      <a:gd name="connsiteX4" fmla="*/ 4499252 w 4517724"/>
                      <a:gd name="connsiteY4" fmla="*/ 7238 h 6892947"/>
                      <a:gd name="connsiteX5" fmla="*/ 4517724 w 4517724"/>
                      <a:gd name="connsiteY5" fmla="*/ 6883710 h 6892947"/>
                      <a:gd name="connsiteX6" fmla="*/ 379545 w 4517724"/>
                      <a:gd name="connsiteY6" fmla="*/ 6892947 h 6892947"/>
                      <a:gd name="connsiteX7" fmla="*/ 1143 w 4517724"/>
                      <a:gd name="connsiteY7" fmla="*/ 1383456 h 6892947"/>
                      <a:gd name="connsiteX8" fmla="*/ 268710 w 4517724"/>
                      <a:gd name="connsiteY8" fmla="*/ 247383 h 6892947"/>
                      <a:gd name="connsiteX0" fmla="*/ 303814 w 4552828"/>
                      <a:gd name="connsiteY0" fmla="*/ 247383 h 6892947"/>
                      <a:gd name="connsiteX1" fmla="*/ 488829 w 4552828"/>
                      <a:gd name="connsiteY1" fmla="*/ 1143311 h 6892947"/>
                      <a:gd name="connsiteX2" fmla="*/ 1043010 w 4552828"/>
                      <a:gd name="connsiteY2" fmla="*/ 561420 h 6892947"/>
                      <a:gd name="connsiteX3" fmla="*/ 1375520 w 4552828"/>
                      <a:gd name="connsiteY3" fmla="*/ 7238 h 6892947"/>
                      <a:gd name="connsiteX4" fmla="*/ 4534356 w 4552828"/>
                      <a:gd name="connsiteY4" fmla="*/ 7238 h 6892947"/>
                      <a:gd name="connsiteX5" fmla="*/ 4552828 w 4552828"/>
                      <a:gd name="connsiteY5" fmla="*/ 6883710 h 6892947"/>
                      <a:gd name="connsiteX6" fmla="*/ 414649 w 4552828"/>
                      <a:gd name="connsiteY6" fmla="*/ 6892947 h 6892947"/>
                      <a:gd name="connsiteX7" fmla="*/ 36247 w 4552828"/>
                      <a:gd name="connsiteY7" fmla="*/ 1383456 h 6892947"/>
                      <a:gd name="connsiteX8" fmla="*/ 45484 w 4552828"/>
                      <a:gd name="connsiteY8" fmla="*/ 755384 h 6892947"/>
                      <a:gd name="connsiteX9" fmla="*/ 303814 w 4552828"/>
                      <a:gd name="connsiteY9" fmla="*/ 247383 h 6892947"/>
                      <a:gd name="connsiteX0" fmla="*/ 303814 w 4552828"/>
                      <a:gd name="connsiteY0" fmla="*/ 247383 h 6892947"/>
                      <a:gd name="connsiteX1" fmla="*/ 488829 w 4552828"/>
                      <a:gd name="connsiteY1" fmla="*/ 1143311 h 6892947"/>
                      <a:gd name="connsiteX2" fmla="*/ 1043010 w 4552828"/>
                      <a:gd name="connsiteY2" fmla="*/ 561420 h 6892947"/>
                      <a:gd name="connsiteX3" fmla="*/ 1375520 w 4552828"/>
                      <a:gd name="connsiteY3" fmla="*/ 7238 h 6892947"/>
                      <a:gd name="connsiteX4" fmla="*/ 4534356 w 4552828"/>
                      <a:gd name="connsiteY4" fmla="*/ 7238 h 6892947"/>
                      <a:gd name="connsiteX5" fmla="*/ 4552828 w 4552828"/>
                      <a:gd name="connsiteY5" fmla="*/ 6883710 h 6892947"/>
                      <a:gd name="connsiteX6" fmla="*/ 414649 w 4552828"/>
                      <a:gd name="connsiteY6" fmla="*/ 6892947 h 6892947"/>
                      <a:gd name="connsiteX7" fmla="*/ 36247 w 4552828"/>
                      <a:gd name="connsiteY7" fmla="*/ 1383456 h 6892947"/>
                      <a:gd name="connsiteX8" fmla="*/ 45484 w 4552828"/>
                      <a:gd name="connsiteY8" fmla="*/ 755384 h 6892947"/>
                      <a:gd name="connsiteX9" fmla="*/ 303814 w 4552828"/>
                      <a:gd name="connsiteY9" fmla="*/ 247383 h 6892947"/>
                      <a:gd name="connsiteX0" fmla="*/ 313177 w 4562191"/>
                      <a:gd name="connsiteY0" fmla="*/ 247383 h 6892947"/>
                      <a:gd name="connsiteX1" fmla="*/ 498192 w 4562191"/>
                      <a:gd name="connsiteY1" fmla="*/ 1143311 h 6892947"/>
                      <a:gd name="connsiteX2" fmla="*/ 1052373 w 4562191"/>
                      <a:gd name="connsiteY2" fmla="*/ 561420 h 6892947"/>
                      <a:gd name="connsiteX3" fmla="*/ 1384883 w 4562191"/>
                      <a:gd name="connsiteY3" fmla="*/ 7238 h 6892947"/>
                      <a:gd name="connsiteX4" fmla="*/ 4543719 w 4562191"/>
                      <a:gd name="connsiteY4" fmla="*/ 7238 h 6892947"/>
                      <a:gd name="connsiteX5" fmla="*/ 4562191 w 4562191"/>
                      <a:gd name="connsiteY5" fmla="*/ 6883710 h 6892947"/>
                      <a:gd name="connsiteX6" fmla="*/ 424012 w 4562191"/>
                      <a:gd name="connsiteY6" fmla="*/ 6892947 h 6892947"/>
                      <a:gd name="connsiteX7" fmla="*/ 45610 w 4562191"/>
                      <a:gd name="connsiteY7" fmla="*/ 1383456 h 6892947"/>
                      <a:gd name="connsiteX8" fmla="*/ 54847 w 4562191"/>
                      <a:gd name="connsiteY8" fmla="*/ 755384 h 6892947"/>
                      <a:gd name="connsiteX9" fmla="*/ 313177 w 4562191"/>
                      <a:gd name="connsiteY9" fmla="*/ 247383 h 6892947"/>
                      <a:gd name="connsiteX0" fmla="*/ 328539 w 4577553"/>
                      <a:gd name="connsiteY0" fmla="*/ 247383 h 6892947"/>
                      <a:gd name="connsiteX1" fmla="*/ 513554 w 4577553"/>
                      <a:gd name="connsiteY1" fmla="*/ 1143311 h 6892947"/>
                      <a:gd name="connsiteX2" fmla="*/ 1067735 w 4577553"/>
                      <a:gd name="connsiteY2" fmla="*/ 561420 h 6892947"/>
                      <a:gd name="connsiteX3" fmla="*/ 1400245 w 4577553"/>
                      <a:gd name="connsiteY3" fmla="*/ 7238 h 6892947"/>
                      <a:gd name="connsiteX4" fmla="*/ 4559081 w 4577553"/>
                      <a:gd name="connsiteY4" fmla="*/ 7238 h 6892947"/>
                      <a:gd name="connsiteX5" fmla="*/ 4577553 w 4577553"/>
                      <a:gd name="connsiteY5" fmla="*/ 6883710 h 6892947"/>
                      <a:gd name="connsiteX6" fmla="*/ 439374 w 4577553"/>
                      <a:gd name="connsiteY6" fmla="*/ 6892947 h 6892947"/>
                      <a:gd name="connsiteX7" fmla="*/ 60972 w 4577553"/>
                      <a:gd name="connsiteY7" fmla="*/ 1383456 h 6892947"/>
                      <a:gd name="connsiteX8" fmla="*/ 42500 w 4577553"/>
                      <a:gd name="connsiteY8" fmla="*/ 663020 h 6892947"/>
                      <a:gd name="connsiteX9" fmla="*/ 328539 w 4577553"/>
                      <a:gd name="connsiteY9" fmla="*/ 247383 h 6892947"/>
                      <a:gd name="connsiteX0" fmla="*/ 328539 w 4577553"/>
                      <a:gd name="connsiteY0" fmla="*/ 247383 h 6892947"/>
                      <a:gd name="connsiteX1" fmla="*/ 513554 w 4577553"/>
                      <a:gd name="connsiteY1" fmla="*/ 1143311 h 6892947"/>
                      <a:gd name="connsiteX2" fmla="*/ 1067735 w 4577553"/>
                      <a:gd name="connsiteY2" fmla="*/ 561420 h 6892947"/>
                      <a:gd name="connsiteX3" fmla="*/ 1400245 w 4577553"/>
                      <a:gd name="connsiteY3" fmla="*/ 7238 h 6892947"/>
                      <a:gd name="connsiteX4" fmla="*/ 4559081 w 4577553"/>
                      <a:gd name="connsiteY4" fmla="*/ 7238 h 6892947"/>
                      <a:gd name="connsiteX5" fmla="*/ 4577553 w 4577553"/>
                      <a:gd name="connsiteY5" fmla="*/ 6883710 h 6892947"/>
                      <a:gd name="connsiteX6" fmla="*/ 439374 w 4577553"/>
                      <a:gd name="connsiteY6" fmla="*/ 6892947 h 6892947"/>
                      <a:gd name="connsiteX7" fmla="*/ 60972 w 4577553"/>
                      <a:gd name="connsiteY7" fmla="*/ 1383456 h 6892947"/>
                      <a:gd name="connsiteX8" fmla="*/ 42500 w 4577553"/>
                      <a:gd name="connsiteY8" fmla="*/ 663020 h 6892947"/>
                      <a:gd name="connsiteX9" fmla="*/ 328539 w 4577553"/>
                      <a:gd name="connsiteY9" fmla="*/ 247383 h 6892947"/>
                      <a:gd name="connsiteX0" fmla="*/ 309675 w 4558689"/>
                      <a:gd name="connsiteY0" fmla="*/ 247383 h 6892947"/>
                      <a:gd name="connsiteX1" fmla="*/ 494690 w 4558689"/>
                      <a:gd name="connsiteY1" fmla="*/ 1143311 h 6892947"/>
                      <a:gd name="connsiteX2" fmla="*/ 1048871 w 4558689"/>
                      <a:gd name="connsiteY2" fmla="*/ 561420 h 6892947"/>
                      <a:gd name="connsiteX3" fmla="*/ 1381381 w 4558689"/>
                      <a:gd name="connsiteY3" fmla="*/ 7238 h 6892947"/>
                      <a:gd name="connsiteX4" fmla="*/ 4540217 w 4558689"/>
                      <a:gd name="connsiteY4" fmla="*/ 7238 h 6892947"/>
                      <a:gd name="connsiteX5" fmla="*/ 4558689 w 4558689"/>
                      <a:gd name="connsiteY5" fmla="*/ 6883710 h 6892947"/>
                      <a:gd name="connsiteX6" fmla="*/ 420510 w 4558689"/>
                      <a:gd name="connsiteY6" fmla="*/ 6892947 h 6892947"/>
                      <a:gd name="connsiteX7" fmla="*/ 42108 w 4558689"/>
                      <a:gd name="connsiteY7" fmla="*/ 1383456 h 6892947"/>
                      <a:gd name="connsiteX8" fmla="*/ 23636 w 4558689"/>
                      <a:gd name="connsiteY8" fmla="*/ 663020 h 6892947"/>
                      <a:gd name="connsiteX9" fmla="*/ 309675 w 4558689"/>
                      <a:gd name="connsiteY9" fmla="*/ 247383 h 6892947"/>
                      <a:gd name="connsiteX0" fmla="*/ 268710 w 4517724"/>
                      <a:gd name="connsiteY0" fmla="*/ 247383 h 6892947"/>
                      <a:gd name="connsiteX1" fmla="*/ 453725 w 4517724"/>
                      <a:gd name="connsiteY1" fmla="*/ 1143311 h 6892947"/>
                      <a:gd name="connsiteX2" fmla="*/ 1007906 w 4517724"/>
                      <a:gd name="connsiteY2" fmla="*/ 561420 h 6892947"/>
                      <a:gd name="connsiteX3" fmla="*/ 1340416 w 4517724"/>
                      <a:gd name="connsiteY3" fmla="*/ 7238 h 6892947"/>
                      <a:gd name="connsiteX4" fmla="*/ 4499252 w 4517724"/>
                      <a:gd name="connsiteY4" fmla="*/ 7238 h 6892947"/>
                      <a:gd name="connsiteX5" fmla="*/ 4517724 w 4517724"/>
                      <a:gd name="connsiteY5" fmla="*/ 6883710 h 6892947"/>
                      <a:gd name="connsiteX6" fmla="*/ 379545 w 4517724"/>
                      <a:gd name="connsiteY6" fmla="*/ 6892947 h 6892947"/>
                      <a:gd name="connsiteX7" fmla="*/ 1143 w 4517724"/>
                      <a:gd name="connsiteY7" fmla="*/ 1383456 h 6892947"/>
                      <a:gd name="connsiteX8" fmla="*/ 268710 w 4517724"/>
                      <a:gd name="connsiteY8" fmla="*/ 247383 h 6892947"/>
                      <a:gd name="connsiteX0" fmla="*/ 272252 w 4521266"/>
                      <a:gd name="connsiteY0" fmla="*/ 247383 h 6892947"/>
                      <a:gd name="connsiteX1" fmla="*/ 457267 w 4521266"/>
                      <a:gd name="connsiteY1" fmla="*/ 1143311 h 6892947"/>
                      <a:gd name="connsiteX2" fmla="*/ 1011448 w 4521266"/>
                      <a:gd name="connsiteY2" fmla="*/ 561420 h 6892947"/>
                      <a:gd name="connsiteX3" fmla="*/ 1343958 w 4521266"/>
                      <a:gd name="connsiteY3" fmla="*/ 7238 h 6892947"/>
                      <a:gd name="connsiteX4" fmla="*/ 4502794 w 4521266"/>
                      <a:gd name="connsiteY4" fmla="*/ 7238 h 6892947"/>
                      <a:gd name="connsiteX5" fmla="*/ 4521266 w 4521266"/>
                      <a:gd name="connsiteY5" fmla="*/ 6883710 h 6892947"/>
                      <a:gd name="connsiteX6" fmla="*/ 383087 w 4521266"/>
                      <a:gd name="connsiteY6" fmla="*/ 6892947 h 6892947"/>
                      <a:gd name="connsiteX7" fmla="*/ 4685 w 4521266"/>
                      <a:gd name="connsiteY7" fmla="*/ 1383456 h 6892947"/>
                      <a:gd name="connsiteX8" fmla="*/ 272252 w 4521266"/>
                      <a:gd name="connsiteY8" fmla="*/ 247383 h 6892947"/>
                      <a:gd name="connsiteX0" fmla="*/ 272252 w 4521266"/>
                      <a:gd name="connsiteY0" fmla="*/ 247383 h 6892947"/>
                      <a:gd name="connsiteX1" fmla="*/ 457267 w 4521266"/>
                      <a:gd name="connsiteY1" fmla="*/ 1143311 h 6892947"/>
                      <a:gd name="connsiteX2" fmla="*/ 1011448 w 4521266"/>
                      <a:gd name="connsiteY2" fmla="*/ 561420 h 6892947"/>
                      <a:gd name="connsiteX3" fmla="*/ 1343958 w 4521266"/>
                      <a:gd name="connsiteY3" fmla="*/ 7238 h 6892947"/>
                      <a:gd name="connsiteX4" fmla="*/ 4502794 w 4521266"/>
                      <a:gd name="connsiteY4" fmla="*/ 7238 h 6892947"/>
                      <a:gd name="connsiteX5" fmla="*/ 4521266 w 4521266"/>
                      <a:gd name="connsiteY5" fmla="*/ 6883710 h 6892947"/>
                      <a:gd name="connsiteX6" fmla="*/ 383087 w 4521266"/>
                      <a:gd name="connsiteY6" fmla="*/ 6892947 h 6892947"/>
                      <a:gd name="connsiteX7" fmla="*/ 4685 w 4521266"/>
                      <a:gd name="connsiteY7" fmla="*/ 1383456 h 6892947"/>
                      <a:gd name="connsiteX8" fmla="*/ 272252 w 4521266"/>
                      <a:gd name="connsiteY8" fmla="*/ 247383 h 6892947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</a:cxnLst>
                    <a:rect l="l" t="t" r="r" b="b"/>
                    <a:pathLst>
                      <a:path w="4521266" h="6892947">
                        <a:moveTo>
                          <a:pt x="272252" y="247383"/>
                        </a:moveTo>
                        <a:cubicBezTo>
                          <a:pt x="829514" y="253539"/>
                          <a:pt x="212358" y="801566"/>
                          <a:pt x="457267" y="1143311"/>
                        </a:cubicBezTo>
                        <a:cubicBezTo>
                          <a:pt x="580467" y="1247990"/>
                          <a:pt x="862127" y="758462"/>
                          <a:pt x="1011448" y="561420"/>
                        </a:cubicBezTo>
                        <a:cubicBezTo>
                          <a:pt x="1160769" y="364378"/>
                          <a:pt x="1380904" y="-60496"/>
                          <a:pt x="1343958" y="7238"/>
                        </a:cubicBezTo>
                        <a:lnTo>
                          <a:pt x="4502794" y="7238"/>
                        </a:lnTo>
                        <a:cubicBezTo>
                          <a:pt x="4508951" y="2299395"/>
                          <a:pt x="4515109" y="4591553"/>
                          <a:pt x="4521266" y="6883710"/>
                        </a:cubicBezTo>
                        <a:lnTo>
                          <a:pt x="383087" y="6892947"/>
                        </a:lnTo>
                        <a:cubicBezTo>
                          <a:pt x="220007" y="4840935"/>
                          <a:pt x="167765" y="3490886"/>
                          <a:pt x="4685" y="1383456"/>
                        </a:cubicBezTo>
                        <a:cubicBezTo>
                          <a:pt x="-13787" y="275862"/>
                          <a:pt x="12095" y="296644"/>
                          <a:pt x="272252" y="247383"/>
                        </a:cubicBezTo>
                        <a:close/>
                      </a:path>
                    </a:pathLst>
                  </a:custGeom>
                  <ask:type>
                    <ask:lineSketchCurved/>
                  </ask:type>
                </ask:lineSketchStyleProps>
              </a:ext>
            </a:extLst>
          </a:ln>
        </p:spPr>
        <p:txBody>
          <a:bodyPr tIns="216000" rtlCol="0" anchor="ctr" anchorCtr="0"/>
          <a:lstStyle>
            <a:lvl1pPr marL="0" indent="0" algn="ctr">
              <a:buNone/>
              <a:defRPr/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6409250" cy="1285875"/>
          </a:xfrm>
        </p:spPr>
        <p:txBody>
          <a:bodyPr rtlCol="0"/>
          <a:lstStyle/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9" y="2162340"/>
            <a:ext cx="6372080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en-gb"/>
              <a:t>Click to add text or content</a:t>
            </a:r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3006747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</p:spTree>
    <p:extLst>
      <p:ext uri="{BB962C8B-B14F-4D97-AF65-F5344CB8AC3E}">
        <p14:creationId xmlns:p14="http://schemas.microsoft.com/office/powerpoint/2010/main" val="4055218749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 rtlCol="0"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Use bold for highlighted text,</a:t>
            </a:r>
            <a:br>
              <a:rPr lang="en-GB"/>
            </a:br>
            <a:r>
              <a:rPr lang="en-gb"/>
              <a:t>other text regular, max four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019113952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/>
              <a:t>Insert quotation text in several lines. Insert name or source: Click ENTER for new line, click TAB, insert name/source</a:t>
            </a:r>
          </a:p>
          <a:p>
            <a:pPr lvl="1" rtl="0"/>
            <a:r>
              <a:rPr lang="en-gb"/>
              <a:t>Second level</a:t>
            </a:r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da-DK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/>
          <a:p>
            <a:pPr rtl="0"/>
            <a:r>
              <a:rPr lang="en-gb"/>
              <a:t>23-11-2016</a:t>
            </a:r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92249078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 rtl="0"/>
            <a:r>
              <a:rPr lang="en-gb"/>
              <a:t>Insert quotation text in several lines. Insert name or source: Click ENTER for new line, click TAB, insert name/source</a:t>
            </a:r>
          </a:p>
          <a:p>
            <a:pPr lvl="1" rtl="0"/>
            <a:r>
              <a:rPr lang="en-gb"/>
              <a:t>Second level</a:t>
            </a:r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da-DK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37185049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/>
              <a:t>Click to add chart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rtlCol="0"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en-gb"/>
              <a:t>Click to add note tex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Insert char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1 line</a:t>
            </a:r>
            <a:endParaRPr lang="da-DK" noProof="0"/>
          </a:p>
        </p:txBody>
      </p:sp>
    </p:spTree>
    <p:extLst>
      <p:ext uri="{BB962C8B-B14F-4D97-AF65-F5344CB8AC3E}">
        <p14:creationId xmlns:p14="http://schemas.microsoft.com/office/powerpoint/2010/main" val="385345093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pic>
        <p:nvPicPr>
          <p:cNvPr id="938223885" name="Logo white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Insert chart or table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en-gb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1 line</a:t>
            </a:r>
            <a:endParaRPr lang="da-DK" noProof="0"/>
          </a:p>
        </p:txBody>
      </p:sp>
    </p:spTree>
    <p:extLst>
      <p:ext uri="{BB962C8B-B14F-4D97-AF65-F5344CB8AC3E}">
        <p14:creationId xmlns:p14="http://schemas.microsoft.com/office/powerpoint/2010/main" val="3698160724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Insert chart or table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en-gb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946776241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</p:spTree>
    <p:extLst>
      <p:ext uri="{BB962C8B-B14F-4D97-AF65-F5344CB8AC3E}">
        <p14:creationId xmlns:p14="http://schemas.microsoft.com/office/powerpoint/2010/main" val="16223563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 rtlCol="0"/>
          <a:lstStyle>
            <a:lvl1pPr>
              <a:lnSpc>
                <a:spcPct val="95000"/>
              </a:lnSpc>
              <a:defRPr sz="18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18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18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18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 rtl="0"/>
            <a:r>
              <a:rPr lang="en-gb"/>
              <a:t>Click to add char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</p:spTree>
    <p:extLst>
      <p:ext uri="{BB962C8B-B14F-4D97-AF65-F5344CB8AC3E}">
        <p14:creationId xmlns:p14="http://schemas.microsoft.com/office/powerpoint/2010/main" val="1579856335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637917" y="-101355"/>
            <a:ext cx="5658692" cy="7069839"/>
          </a:xfrm>
          <a:custGeom>
            <a:avLst/>
            <a:gdLst>
              <a:gd name="connsiteX0" fmla="*/ 1667 w 10000"/>
              <a:gd name="connsiteY0" fmla="*/ 0 h 10000"/>
              <a:gd name="connsiteX1" fmla="*/ 10000 w 10000"/>
              <a:gd name="connsiteY1" fmla="*/ 0 h 10000"/>
              <a:gd name="connsiteX2" fmla="*/ 8333 w 10000"/>
              <a:gd name="connsiteY2" fmla="*/ 5000 h 10000"/>
              <a:gd name="connsiteX3" fmla="*/ 10000 w 10000"/>
              <a:gd name="connsiteY3" fmla="*/ 10000 h 10000"/>
              <a:gd name="connsiteX4" fmla="*/ 1667 w 10000"/>
              <a:gd name="connsiteY4" fmla="*/ 10000 h 10000"/>
              <a:gd name="connsiteX5" fmla="*/ 0 w 10000"/>
              <a:gd name="connsiteY5" fmla="*/ 5000 h 10000"/>
              <a:gd name="connsiteX6" fmla="*/ 1667 w 10000"/>
              <a:gd name="connsiteY6" fmla="*/ 0 h 10000"/>
              <a:gd name="connsiteX0" fmla="*/ 1667 w 11041"/>
              <a:gd name="connsiteY0" fmla="*/ 0 h 10000"/>
              <a:gd name="connsiteX1" fmla="*/ 10000 w 11041"/>
              <a:gd name="connsiteY1" fmla="*/ 0 h 10000"/>
              <a:gd name="connsiteX2" fmla="*/ 10000 w 11041"/>
              <a:gd name="connsiteY2" fmla="*/ 10000 h 10000"/>
              <a:gd name="connsiteX3" fmla="*/ 1667 w 11041"/>
              <a:gd name="connsiteY3" fmla="*/ 10000 h 10000"/>
              <a:gd name="connsiteX4" fmla="*/ 0 w 11041"/>
              <a:gd name="connsiteY4" fmla="*/ 5000 h 10000"/>
              <a:gd name="connsiteX5" fmla="*/ 1667 w 11041"/>
              <a:gd name="connsiteY5" fmla="*/ 0 h 10000"/>
              <a:gd name="connsiteX0" fmla="*/ 1667 w 10617"/>
              <a:gd name="connsiteY0" fmla="*/ 0 h 10000"/>
              <a:gd name="connsiteX1" fmla="*/ 10000 w 10617"/>
              <a:gd name="connsiteY1" fmla="*/ 0 h 10000"/>
              <a:gd name="connsiteX2" fmla="*/ 10000 w 10617"/>
              <a:gd name="connsiteY2" fmla="*/ 10000 h 10000"/>
              <a:gd name="connsiteX3" fmla="*/ 1667 w 10617"/>
              <a:gd name="connsiteY3" fmla="*/ 10000 h 10000"/>
              <a:gd name="connsiteX4" fmla="*/ 0 w 10617"/>
              <a:gd name="connsiteY4" fmla="*/ 5000 h 10000"/>
              <a:gd name="connsiteX5" fmla="*/ 1667 w 10617"/>
              <a:gd name="connsiteY5" fmla="*/ 0 h 10000"/>
              <a:gd name="connsiteX0" fmla="*/ 1667 w 10000"/>
              <a:gd name="connsiteY0" fmla="*/ 0 h 10000"/>
              <a:gd name="connsiteX1" fmla="*/ 10000 w 10000"/>
              <a:gd name="connsiteY1" fmla="*/ 0 h 10000"/>
              <a:gd name="connsiteX2" fmla="*/ 10000 w 10000"/>
              <a:gd name="connsiteY2" fmla="*/ 10000 h 10000"/>
              <a:gd name="connsiteX3" fmla="*/ 1667 w 10000"/>
              <a:gd name="connsiteY3" fmla="*/ 10000 h 10000"/>
              <a:gd name="connsiteX4" fmla="*/ 0 w 10000"/>
              <a:gd name="connsiteY4" fmla="*/ 5000 h 10000"/>
              <a:gd name="connsiteX5" fmla="*/ 1667 w 10000"/>
              <a:gd name="connsiteY5" fmla="*/ 0 h 10000"/>
              <a:gd name="connsiteX0" fmla="*/ 2681 w 10019"/>
              <a:gd name="connsiteY0" fmla="*/ 0 h 10026"/>
              <a:gd name="connsiteX1" fmla="*/ 10019 w 10019"/>
              <a:gd name="connsiteY1" fmla="*/ 26 h 10026"/>
              <a:gd name="connsiteX2" fmla="*/ 10019 w 10019"/>
              <a:gd name="connsiteY2" fmla="*/ 10026 h 10026"/>
              <a:gd name="connsiteX3" fmla="*/ 1686 w 10019"/>
              <a:gd name="connsiteY3" fmla="*/ 10026 h 10026"/>
              <a:gd name="connsiteX4" fmla="*/ 19 w 10019"/>
              <a:gd name="connsiteY4" fmla="*/ 5026 h 10026"/>
              <a:gd name="connsiteX5" fmla="*/ 2681 w 10019"/>
              <a:gd name="connsiteY5" fmla="*/ 0 h 10026"/>
              <a:gd name="connsiteX0" fmla="*/ 2663 w 10001"/>
              <a:gd name="connsiteY0" fmla="*/ 0 h 10065"/>
              <a:gd name="connsiteX1" fmla="*/ 10001 w 10001"/>
              <a:gd name="connsiteY1" fmla="*/ 26 h 10065"/>
              <a:gd name="connsiteX2" fmla="*/ 10001 w 10001"/>
              <a:gd name="connsiteY2" fmla="*/ 10026 h 10065"/>
              <a:gd name="connsiteX3" fmla="*/ 2426 w 10001"/>
              <a:gd name="connsiteY3" fmla="*/ 10065 h 10065"/>
              <a:gd name="connsiteX4" fmla="*/ 1 w 10001"/>
              <a:gd name="connsiteY4" fmla="*/ 5026 h 10065"/>
              <a:gd name="connsiteX5" fmla="*/ 2663 w 10001"/>
              <a:gd name="connsiteY5" fmla="*/ 0 h 10065"/>
              <a:gd name="connsiteX0" fmla="*/ 2238 w 9576"/>
              <a:gd name="connsiteY0" fmla="*/ 0 h 10065"/>
              <a:gd name="connsiteX1" fmla="*/ 9576 w 9576"/>
              <a:gd name="connsiteY1" fmla="*/ 26 h 10065"/>
              <a:gd name="connsiteX2" fmla="*/ 9576 w 9576"/>
              <a:gd name="connsiteY2" fmla="*/ 10026 h 10065"/>
              <a:gd name="connsiteX3" fmla="*/ 2001 w 9576"/>
              <a:gd name="connsiteY3" fmla="*/ 10065 h 10065"/>
              <a:gd name="connsiteX4" fmla="*/ 2 w 9576"/>
              <a:gd name="connsiteY4" fmla="*/ 4987 h 10065"/>
              <a:gd name="connsiteX5" fmla="*/ 2238 w 9576"/>
              <a:gd name="connsiteY5" fmla="*/ 0 h 10065"/>
              <a:gd name="connsiteX0" fmla="*/ 2973 w 10009"/>
              <a:gd name="connsiteY0" fmla="*/ 0 h 10000"/>
              <a:gd name="connsiteX1" fmla="*/ 10009 w 10009"/>
              <a:gd name="connsiteY1" fmla="*/ 26 h 10000"/>
              <a:gd name="connsiteX2" fmla="*/ 10009 w 10009"/>
              <a:gd name="connsiteY2" fmla="*/ 9961 h 10000"/>
              <a:gd name="connsiteX3" fmla="*/ 2099 w 10009"/>
              <a:gd name="connsiteY3" fmla="*/ 10000 h 10000"/>
              <a:gd name="connsiteX4" fmla="*/ 11 w 10009"/>
              <a:gd name="connsiteY4" fmla="*/ 4955 h 10000"/>
              <a:gd name="connsiteX5" fmla="*/ 2973 w 10009"/>
              <a:gd name="connsiteY5" fmla="*/ 0 h 10000"/>
              <a:gd name="connsiteX0" fmla="*/ 3067 w 10103"/>
              <a:gd name="connsiteY0" fmla="*/ 0 h 10000"/>
              <a:gd name="connsiteX1" fmla="*/ 10103 w 10103"/>
              <a:gd name="connsiteY1" fmla="*/ 26 h 10000"/>
              <a:gd name="connsiteX2" fmla="*/ 10103 w 10103"/>
              <a:gd name="connsiteY2" fmla="*/ 9961 h 10000"/>
              <a:gd name="connsiteX3" fmla="*/ 2193 w 10103"/>
              <a:gd name="connsiteY3" fmla="*/ 10000 h 10000"/>
              <a:gd name="connsiteX4" fmla="*/ 105 w 10103"/>
              <a:gd name="connsiteY4" fmla="*/ 4955 h 10000"/>
              <a:gd name="connsiteX5" fmla="*/ 3067 w 10103"/>
              <a:gd name="connsiteY5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103" h="10000">
                <a:moveTo>
                  <a:pt x="3067" y="0"/>
                </a:moveTo>
                <a:lnTo>
                  <a:pt x="10103" y="26"/>
                </a:lnTo>
                <a:lnTo>
                  <a:pt x="10103" y="9961"/>
                </a:lnTo>
                <a:lnTo>
                  <a:pt x="2193" y="10000"/>
                </a:lnTo>
                <a:cubicBezTo>
                  <a:pt x="1231" y="10000"/>
                  <a:pt x="-437" y="6988"/>
                  <a:pt x="105" y="4955"/>
                </a:cubicBezTo>
                <a:cubicBezTo>
                  <a:pt x="647" y="2922"/>
                  <a:pt x="2105" y="0"/>
                  <a:pt x="3067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vert="horz" lIns="0" tIns="226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42603232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41499" y="-36945"/>
            <a:ext cx="3512215" cy="6922637"/>
          </a:xfrm>
          <a:custGeom>
            <a:avLst/>
            <a:gdLst>
              <a:gd name="connsiteX0" fmla="*/ 4 w 3394463"/>
              <a:gd name="connsiteY0" fmla="*/ 2619516 h 6858000"/>
              <a:gd name="connsiteX1" fmla="*/ 1697232 w 3394463"/>
              <a:gd name="connsiteY1" fmla="*/ 0 h 6858000"/>
              <a:gd name="connsiteX2" fmla="*/ 3394459 w 3394463"/>
              <a:gd name="connsiteY2" fmla="*/ 2619516 h 6858000"/>
              <a:gd name="connsiteX3" fmla="*/ 2746176 w 3394463"/>
              <a:gd name="connsiteY3" fmla="*/ 6857983 h 6858000"/>
              <a:gd name="connsiteX4" fmla="*/ 648287 w 3394463"/>
              <a:gd name="connsiteY4" fmla="*/ 6857983 h 6858000"/>
              <a:gd name="connsiteX5" fmla="*/ 4 w 3394463"/>
              <a:gd name="connsiteY5" fmla="*/ 2619516 h 6858000"/>
              <a:gd name="connsiteX0" fmla="*/ 0 w 3401954"/>
              <a:gd name="connsiteY0" fmla="*/ 2619516 h 6867219"/>
              <a:gd name="connsiteX1" fmla="*/ 1697228 w 3401954"/>
              <a:gd name="connsiteY1" fmla="*/ 0 h 6867219"/>
              <a:gd name="connsiteX2" fmla="*/ 3394455 w 3401954"/>
              <a:gd name="connsiteY2" fmla="*/ 2619516 h 6867219"/>
              <a:gd name="connsiteX3" fmla="*/ 3401954 w 3401954"/>
              <a:gd name="connsiteY3" fmla="*/ 6867219 h 6867219"/>
              <a:gd name="connsiteX4" fmla="*/ 648283 w 3401954"/>
              <a:gd name="connsiteY4" fmla="*/ 6857983 h 6867219"/>
              <a:gd name="connsiteX5" fmla="*/ 0 w 3401954"/>
              <a:gd name="connsiteY5" fmla="*/ 2619516 h 6867219"/>
              <a:gd name="connsiteX0" fmla="*/ 0 w 3404257"/>
              <a:gd name="connsiteY0" fmla="*/ 2623127 h 6870830"/>
              <a:gd name="connsiteX1" fmla="*/ 1697228 w 3404257"/>
              <a:gd name="connsiteY1" fmla="*/ 3611 h 6870830"/>
              <a:gd name="connsiteX2" fmla="*/ 3403691 w 3404257"/>
              <a:gd name="connsiteY2" fmla="*/ 0 h 6870830"/>
              <a:gd name="connsiteX3" fmla="*/ 3401954 w 3404257"/>
              <a:gd name="connsiteY3" fmla="*/ 6870830 h 6870830"/>
              <a:gd name="connsiteX4" fmla="*/ 648283 w 3404257"/>
              <a:gd name="connsiteY4" fmla="*/ 6861594 h 6870830"/>
              <a:gd name="connsiteX5" fmla="*/ 0 w 3404257"/>
              <a:gd name="connsiteY5" fmla="*/ 2623127 h 6870830"/>
              <a:gd name="connsiteX0" fmla="*/ 54239 w 3458496"/>
              <a:gd name="connsiteY0" fmla="*/ 2623127 h 6870830"/>
              <a:gd name="connsiteX1" fmla="*/ 1751467 w 3458496"/>
              <a:gd name="connsiteY1" fmla="*/ 3611 h 6870830"/>
              <a:gd name="connsiteX2" fmla="*/ 3457930 w 3458496"/>
              <a:gd name="connsiteY2" fmla="*/ 0 h 6870830"/>
              <a:gd name="connsiteX3" fmla="*/ 3456193 w 3458496"/>
              <a:gd name="connsiteY3" fmla="*/ 6870830 h 6870830"/>
              <a:gd name="connsiteX4" fmla="*/ 702522 w 3458496"/>
              <a:gd name="connsiteY4" fmla="*/ 6861594 h 6870830"/>
              <a:gd name="connsiteX5" fmla="*/ 54239 w 3458496"/>
              <a:gd name="connsiteY5" fmla="*/ 2623127 h 6870830"/>
              <a:gd name="connsiteX0" fmla="*/ 54239 w 3458496"/>
              <a:gd name="connsiteY0" fmla="*/ 2623127 h 6880067"/>
              <a:gd name="connsiteX1" fmla="*/ 1751467 w 3458496"/>
              <a:gd name="connsiteY1" fmla="*/ 3611 h 6880067"/>
              <a:gd name="connsiteX2" fmla="*/ 3457930 w 3458496"/>
              <a:gd name="connsiteY2" fmla="*/ 0 h 6880067"/>
              <a:gd name="connsiteX3" fmla="*/ 3456193 w 3458496"/>
              <a:gd name="connsiteY3" fmla="*/ 6870830 h 6880067"/>
              <a:gd name="connsiteX4" fmla="*/ 702522 w 3458496"/>
              <a:gd name="connsiteY4" fmla="*/ 6880067 h 6880067"/>
              <a:gd name="connsiteX5" fmla="*/ 54239 w 3458496"/>
              <a:gd name="connsiteY5" fmla="*/ 2623127 h 6880067"/>
              <a:gd name="connsiteX0" fmla="*/ 54239 w 3458196"/>
              <a:gd name="connsiteY0" fmla="*/ 2623127 h 6889303"/>
              <a:gd name="connsiteX1" fmla="*/ 1751467 w 3458196"/>
              <a:gd name="connsiteY1" fmla="*/ 3611 h 6889303"/>
              <a:gd name="connsiteX2" fmla="*/ 3457930 w 3458196"/>
              <a:gd name="connsiteY2" fmla="*/ 0 h 6889303"/>
              <a:gd name="connsiteX3" fmla="*/ 3446957 w 3458196"/>
              <a:gd name="connsiteY3" fmla="*/ 6889303 h 6889303"/>
              <a:gd name="connsiteX4" fmla="*/ 702522 w 3458196"/>
              <a:gd name="connsiteY4" fmla="*/ 6880067 h 6889303"/>
              <a:gd name="connsiteX5" fmla="*/ 54239 w 3458196"/>
              <a:gd name="connsiteY5" fmla="*/ 2623127 h 6889303"/>
              <a:gd name="connsiteX0" fmla="*/ 54239 w 3511611"/>
              <a:gd name="connsiteY0" fmla="*/ 2623127 h 6898539"/>
              <a:gd name="connsiteX1" fmla="*/ 1751467 w 3511611"/>
              <a:gd name="connsiteY1" fmla="*/ 3611 h 6898539"/>
              <a:gd name="connsiteX2" fmla="*/ 3457930 w 3511611"/>
              <a:gd name="connsiteY2" fmla="*/ 0 h 6898539"/>
              <a:gd name="connsiteX3" fmla="*/ 3511611 w 3511611"/>
              <a:gd name="connsiteY3" fmla="*/ 6898539 h 6898539"/>
              <a:gd name="connsiteX4" fmla="*/ 702522 w 3511611"/>
              <a:gd name="connsiteY4" fmla="*/ 6880067 h 6898539"/>
              <a:gd name="connsiteX5" fmla="*/ 54239 w 3511611"/>
              <a:gd name="connsiteY5" fmla="*/ 2623127 h 6898539"/>
              <a:gd name="connsiteX0" fmla="*/ 54239 w 3511611"/>
              <a:gd name="connsiteY0" fmla="*/ 2623127 h 6889303"/>
              <a:gd name="connsiteX1" fmla="*/ 1751467 w 3511611"/>
              <a:gd name="connsiteY1" fmla="*/ 3611 h 6889303"/>
              <a:gd name="connsiteX2" fmla="*/ 3457930 w 3511611"/>
              <a:gd name="connsiteY2" fmla="*/ 0 h 6889303"/>
              <a:gd name="connsiteX3" fmla="*/ 3511611 w 3511611"/>
              <a:gd name="connsiteY3" fmla="*/ 6889303 h 6889303"/>
              <a:gd name="connsiteX4" fmla="*/ 702522 w 3511611"/>
              <a:gd name="connsiteY4" fmla="*/ 6880067 h 6889303"/>
              <a:gd name="connsiteX5" fmla="*/ 54239 w 3511611"/>
              <a:gd name="connsiteY5" fmla="*/ 2623127 h 6889303"/>
              <a:gd name="connsiteX0" fmla="*/ 54239 w 3511611"/>
              <a:gd name="connsiteY0" fmla="*/ 2623127 h 6880067"/>
              <a:gd name="connsiteX1" fmla="*/ 1751467 w 3511611"/>
              <a:gd name="connsiteY1" fmla="*/ 3611 h 6880067"/>
              <a:gd name="connsiteX2" fmla="*/ 3457930 w 3511611"/>
              <a:gd name="connsiteY2" fmla="*/ 0 h 6880067"/>
              <a:gd name="connsiteX3" fmla="*/ 3511611 w 3511611"/>
              <a:gd name="connsiteY3" fmla="*/ 6861594 h 6880067"/>
              <a:gd name="connsiteX4" fmla="*/ 702522 w 3511611"/>
              <a:gd name="connsiteY4" fmla="*/ 6880067 h 6880067"/>
              <a:gd name="connsiteX5" fmla="*/ 54239 w 3511611"/>
              <a:gd name="connsiteY5" fmla="*/ 2623127 h 6880067"/>
              <a:gd name="connsiteX0" fmla="*/ 54239 w 3511611"/>
              <a:gd name="connsiteY0" fmla="*/ 2623127 h 6889303"/>
              <a:gd name="connsiteX1" fmla="*/ 1751467 w 3511611"/>
              <a:gd name="connsiteY1" fmla="*/ 3611 h 6889303"/>
              <a:gd name="connsiteX2" fmla="*/ 3457930 w 3511611"/>
              <a:gd name="connsiteY2" fmla="*/ 0 h 6889303"/>
              <a:gd name="connsiteX3" fmla="*/ 3511611 w 3511611"/>
              <a:gd name="connsiteY3" fmla="*/ 6889303 h 6889303"/>
              <a:gd name="connsiteX4" fmla="*/ 702522 w 3511611"/>
              <a:gd name="connsiteY4" fmla="*/ 6880067 h 6889303"/>
              <a:gd name="connsiteX5" fmla="*/ 54239 w 3511611"/>
              <a:gd name="connsiteY5" fmla="*/ 2623127 h 6889303"/>
              <a:gd name="connsiteX0" fmla="*/ 54843 w 3512215"/>
              <a:gd name="connsiteY0" fmla="*/ 2656461 h 6922637"/>
              <a:gd name="connsiteX1" fmla="*/ 1761307 w 3512215"/>
              <a:gd name="connsiteY1" fmla="*/ 0 h 6922637"/>
              <a:gd name="connsiteX2" fmla="*/ 3458534 w 3512215"/>
              <a:gd name="connsiteY2" fmla="*/ 33334 h 6922637"/>
              <a:gd name="connsiteX3" fmla="*/ 3512215 w 3512215"/>
              <a:gd name="connsiteY3" fmla="*/ 6922637 h 6922637"/>
              <a:gd name="connsiteX4" fmla="*/ 703126 w 3512215"/>
              <a:gd name="connsiteY4" fmla="*/ 6913401 h 6922637"/>
              <a:gd name="connsiteX5" fmla="*/ 54843 w 3512215"/>
              <a:gd name="connsiteY5" fmla="*/ 2656461 h 6922637"/>
              <a:gd name="connsiteX0" fmla="*/ 54843 w 3512215"/>
              <a:gd name="connsiteY0" fmla="*/ 2656461 h 6922637"/>
              <a:gd name="connsiteX1" fmla="*/ 1761307 w 3512215"/>
              <a:gd name="connsiteY1" fmla="*/ 0 h 6922637"/>
              <a:gd name="connsiteX2" fmla="*/ 3458534 w 3512215"/>
              <a:gd name="connsiteY2" fmla="*/ 5625 h 6922637"/>
              <a:gd name="connsiteX3" fmla="*/ 3512215 w 3512215"/>
              <a:gd name="connsiteY3" fmla="*/ 6922637 h 6922637"/>
              <a:gd name="connsiteX4" fmla="*/ 703126 w 3512215"/>
              <a:gd name="connsiteY4" fmla="*/ 6913401 h 6922637"/>
              <a:gd name="connsiteX5" fmla="*/ 54843 w 3512215"/>
              <a:gd name="connsiteY5" fmla="*/ 2656461 h 6922637"/>
              <a:gd name="connsiteX0" fmla="*/ 54843 w 3512215"/>
              <a:gd name="connsiteY0" fmla="*/ 2656461 h 6922637"/>
              <a:gd name="connsiteX1" fmla="*/ 1761307 w 3512215"/>
              <a:gd name="connsiteY1" fmla="*/ 0 h 6922637"/>
              <a:gd name="connsiteX2" fmla="*/ 3486243 w 3512215"/>
              <a:gd name="connsiteY2" fmla="*/ 5625 h 6922637"/>
              <a:gd name="connsiteX3" fmla="*/ 3512215 w 3512215"/>
              <a:gd name="connsiteY3" fmla="*/ 6922637 h 6922637"/>
              <a:gd name="connsiteX4" fmla="*/ 703126 w 3512215"/>
              <a:gd name="connsiteY4" fmla="*/ 6913401 h 6922637"/>
              <a:gd name="connsiteX5" fmla="*/ 54843 w 3512215"/>
              <a:gd name="connsiteY5" fmla="*/ 2656461 h 69226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3512215" h="6922637">
                <a:moveTo>
                  <a:pt x="54843" y="2656461"/>
                </a:moveTo>
                <a:cubicBezTo>
                  <a:pt x="231207" y="1504227"/>
                  <a:pt x="1194025" y="437188"/>
                  <a:pt x="1761307" y="0"/>
                </a:cubicBezTo>
                <a:lnTo>
                  <a:pt x="3486243" y="5625"/>
                </a:lnTo>
                <a:cubicBezTo>
                  <a:pt x="3488743" y="1421526"/>
                  <a:pt x="3509715" y="5506736"/>
                  <a:pt x="3512215" y="6922637"/>
                </a:cubicBezTo>
                <a:lnTo>
                  <a:pt x="703126" y="6913401"/>
                </a:lnTo>
                <a:cubicBezTo>
                  <a:pt x="136134" y="6205451"/>
                  <a:pt x="-121521" y="3808695"/>
                  <a:pt x="54843" y="2656461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6864685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68968806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78262512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00989187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rtlCol="0"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 rtl="0"/>
            <a:r>
              <a:rPr lang="en-gb"/>
              <a:t>Namn</a:t>
            </a:r>
            <a:endParaRPr lang="da-DK"/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 rtlCol="0"/>
          <a:lstStyle>
            <a:lvl1pPr marL="0" indent="0">
              <a:buNone/>
              <a:defRPr sz="2800"/>
            </a:lvl1pPr>
          </a:lstStyle>
          <a:p>
            <a:pPr lvl="0" rtl="0"/>
            <a:r>
              <a:rPr lang="en-gb"/>
              <a:t>Titel</a:t>
            </a:r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r>
              <a:rPr lang="en-gb"/>
              <a:t>E-post</a:t>
            </a:r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r>
              <a:rPr lang="en-gb"/>
              <a:t>Telefonnummer</a:t>
            </a:r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rtlCol="0" anchor="b" anchorCtr="0"/>
          <a:lstStyle>
            <a:lvl1pPr marL="0" indent="0">
              <a:buNone/>
              <a:defRPr sz="1800" b="1"/>
            </a:lvl1pPr>
          </a:lstStyle>
          <a:p>
            <a:pPr lvl="0" rtl="0"/>
            <a:r>
              <a:rPr lang="en-gb"/>
              <a:t>Nordisk kulturkontakt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rtlCol="0" anchor="t" anchorCtr="0"/>
          <a:lstStyle>
            <a:lvl1pPr marL="0" indent="0">
              <a:buNone/>
              <a:defRPr sz="1800"/>
            </a:lvl1pPr>
          </a:lstStyle>
          <a:p>
            <a:pPr lvl="0" rtl="0"/>
            <a:r>
              <a:rPr lang="en-gb"/>
              <a:t>Kajsaniemigatan 9, Helsingfors</a:t>
            </a:r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75096665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en-gb"/>
              <a:t>Click to add title in max 1 line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 rtlCol="0"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 rtl="0"/>
            <a:r>
              <a:rPr lang="en-gb"/>
              <a:t>Click to add text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Tack!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150080719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0989516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17601209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en-gb" sz="480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 before use</a:t>
            </a:r>
            <a:endParaRPr lang="da-DK" sz="480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da-DK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da-DK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da-DK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 placeholder and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/>
              <a:t>insert picture via </a:t>
            </a:r>
            <a:r>
              <a:rPr lang="en-gb" sz="900" b="1"/>
              <a:t>Add Images</a:t>
            </a:r>
            <a:r>
              <a:rPr lang="en-gb" sz="900"/>
              <a:t>-button </a:t>
            </a:r>
            <a:br>
              <a:rPr lang="en-GB" sz="900"/>
            </a:br>
            <a:r>
              <a:rPr lang="en-gb" sz="900"/>
              <a:t>in the </a:t>
            </a:r>
            <a:r>
              <a:rPr lang="en-gb" sz="900" b="1"/>
              <a:t>NORDEN-</a:t>
            </a:r>
            <a:r>
              <a:rPr lang="en-gb" sz="900"/>
              <a:t>TAB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rtlCol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1">
                <a:latin typeface="+mn-lt"/>
              </a:rPr>
              <a:t>NORDEN</a:t>
            </a:r>
            <a:r>
              <a:rPr lang="en-gb" sz="900" b="0">
                <a:latin typeface="+mn-lt"/>
              </a:rPr>
              <a:t>-TAB and</a:t>
            </a:r>
            <a:r>
              <a:rPr lang="en-gb" sz="900">
                <a:latin typeface="+mn-lt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 or</a:t>
            </a:r>
            <a:r>
              <a:rPr lang="en-gb" sz="900" b="0" strike="noStrike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da-DK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da-DK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da-DK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  <a:endParaRPr lang="da-DK"/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da-DK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 and formatting of th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da-DK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da-DK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da-DK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da-DK"/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8989199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en-gb"/>
              <a:t>Click to add text or conten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5/06/2023 17.57</a:t>
            </a:r>
            <a:endParaRPr lang="da-DK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r>
              <a:rPr lang="en-FI"/>
              <a:t>05/06/2023 17.57</a:t>
            </a:r>
            <a:endParaRPr lang="da-DK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/>
          </a:p>
        </p:txBody>
      </p:sp>
      <p:pic>
        <p:nvPicPr>
          <p:cNvPr id="509084542" name="Logo light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637917" y="-101355"/>
            <a:ext cx="5658692" cy="7069839"/>
          </a:xfrm>
          <a:custGeom>
            <a:avLst/>
            <a:gdLst>
              <a:gd name="connsiteX0" fmla="*/ 1667 w 10000"/>
              <a:gd name="connsiteY0" fmla="*/ 0 h 10000"/>
              <a:gd name="connsiteX1" fmla="*/ 10000 w 10000"/>
              <a:gd name="connsiteY1" fmla="*/ 0 h 10000"/>
              <a:gd name="connsiteX2" fmla="*/ 8333 w 10000"/>
              <a:gd name="connsiteY2" fmla="*/ 5000 h 10000"/>
              <a:gd name="connsiteX3" fmla="*/ 10000 w 10000"/>
              <a:gd name="connsiteY3" fmla="*/ 10000 h 10000"/>
              <a:gd name="connsiteX4" fmla="*/ 1667 w 10000"/>
              <a:gd name="connsiteY4" fmla="*/ 10000 h 10000"/>
              <a:gd name="connsiteX5" fmla="*/ 0 w 10000"/>
              <a:gd name="connsiteY5" fmla="*/ 5000 h 10000"/>
              <a:gd name="connsiteX6" fmla="*/ 1667 w 10000"/>
              <a:gd name="connsiteY6" fmla="*/ 0 h 10000"/>
              <a:gd name="connsiteX0" fmla="*/ 1667 w 11041"/>
              <a:gd name="connsiteY0" fmla="*/ 0 h 10000"/>
              <a:gd name="connsiteX1" fmla="*/ 10000 w 11041"/>
              <a:gd name="connsiteY1" fmla="*/ 0 h 10000"/>
              <a:gd name="connsiteX2" fmla="*/ 10000 w 11041"/>
              <a:gd name="connsiteY2" fmla="*/ 10000 h 10000"/>
              <a:gd name="connsiteX3" fmla="*/ 1667 w 11041"/>
              <a:gd name="connsiteY3" fmla="*/ 10000 h 10000"/>
              <a:gd name="connsiteX4" fmla="*/ 0 w 11041"/>
              <a:gd name="connsiteY4" fmla="*/ 5000 h 10000"/>
              <a:gd name="connsiteX5" fmla="*/ 1667 w 11041"/>
              <a:gd name="connsiteY5" fmla="*/ 0 h 10000"/>
              <a:gd name="connsiteX0" fmla="*/ 1667 w 10617"/>
              <a:gd name="connsiteY0" fmla="*/ 0 h 10000"/>
              <a:gd name="connsiteX1" fmla="*/ 10000 w 10617"/>
              <a:gd name="connsiteY1" fmla="*/ 0 h 10000"/>
              <a:gd name="connsiteX2" fmla="*/ 10000 w 10617"/>
              <a:gd name="connsiteY2" fmla="*/ 10000 h 10000"/>
              <a:gd name="connsiteX3" fmla="*/ 1667 w 10617"/>
              <a:gd name="connsiteY3" fmla="*/ 10000 h 10000"/>
              <a:gd name="connsiteX4" fmla="*/ 0 w 10617"/>
              <a:gd name="connsiteY4" fmla="*/ 5000 h 10000"/>
              <a:gd name="connsiteX5" fmla="*/ 1667 w 10617"/>
              <a:gd name="connsiteY5" fmla="*/ 0 h 10000"/>
              <a:gd name="connsiteX0" fmla="*/ 1667 w 10000"/>
              <a:gd name="connsiteY0" fmla="*/ 0 h 10000"/>
              <a:gd name="connsiteX1" fmla="*/ 10000 w 10000"/>
              <a:gd name="connsiteY1" fmla="*/ 0 h 10000"/>
              <a:gd name="connsiteX2" fmla="*/ 10000 w 10000"/>
              <a:gd name="connsiteY2" fmla="*/ 10000 h 10000"/>
              <a:gd name="connsiteX3" fmla="*/ 1667 w 10000"/>
              <a:gd name="connsiteY3" fmla="*/ 10000 h 10000"/>
              <a:gd name="connsiteX4" fmla="*/ 0 w 10000"/>
              <a:gd name="connsiteY4" fmla="*/ 5000 h 10000"/>
              <a:gd name="connsiteX5" fmla="*/ 1667 w 10000"/>
              <a:gd name="connsiteY5" fmla="*/ 0 h 10000"/>
              <a:gd name="connsiteX0" fmla="*/ 2681 w 10019"/>
              <a:gd name="connsiteY0" fmla="*/ 0 h 10026"/>
              <a:gd name="connsiteX1" fmla="*/ 10019 w 10019"/>
              <a:gd name="connsiteY1" fmla="*/ 26 h 10026"/>
              <a:gd name="connsiteX2" fmla="*/ 10019 w 10019"/>
              <a:gd name="connsiteY2" fmla="*/ 10026 h 10026"/>
              <a:gd name="connsiteX3" fmla="*/ 1686 w 10019"/>
              <a:gd name="connsiteY3" fmla="*/ 10026 h 10026"/>
              <a:gd name="connsiteX4" fmla="*/ 19 w 10019"/>
              <a:gd name="connsiteY4" fmla="*/ 5026 h 10026"/>
              <a:gd name="connsiteX5" fmla="*/ 2681 w 10019"/>
              <a:gd name="connsiteY5" fmla="*/ 0 h 10026"/>
              <a:gd name="connsiteX0" fmla="*/ 2663 w 10001"/>
              <a:gd name="connsiteY0" fmla="*/ 0 h 10065"/>
              <a:gd name="connsiteX1" fmla="*/ 10001 w 10001"/>
              <a:gd name="connsiteY1" fmla="*/ 26 h 10065"/>
              <a:gd name="connsiteX2" fmla="*/ 10001 w 10001"/>
              <a:gd name="connsiteY2" fmla="*/ 10026 h 10065"/>
              <a:gd name="connsiteX3" fmla="*/ 2426 w 10001"/>
              <a:gd name="connsiteY3" fmla="*/ 10065 h 10065"/>
              <a:gd name="connsiteX4" fmla="*/ 1 w 10001"/>
              <a:gd name="connsiteY4" fmla="*/ 5026 h 10065"/>
              <a:gd name="connsiteX5" fmla="*/ 2663 w 10001"/>
              <a:gd name="connsiteY5" fmla="*/ 0 h 10065"/>
              <a:gd name="connsiteX0" fmla="*/ 2238 w 9576"/>
              <a:gd name="connsiteY0" fmla="*/ 0 h 10065"/>
              <a:gd name="connsiteX1" fmla="*/ 9576 w 9576"/>
              <a:gd name="connsiteY1" fmla="*/ 26 h 10065"/>
              <a:gd name="connsiteX2" fmla="*/ 9576 w 9576"/>
              <a:gd name="connsiteY2" fmla="*/ 10026 h 10065"/>
              <a:gd name="connsiteX3" fmla="*/ 2001 w 9576"/>
              <a:gd name="connsiteY3" fmla="*/ 10065 h 10065"/>
              <a:gd name="connsiteX4" fmla="*/ 2 w 9576"/>
              <a:gd name="connsiteY4" fmla="*/ 4987 h 10065"/>
              <a:gd name="connsiteX5" fmla="*/ 2238 w 9576"/>
              <a:gd name="connsiteY5" fmla="*/ 0 h 10065"/>
              <a:gd name="connsiteX0" fmla="*/ 2973 w 10009"/>
              <a:gd name="connsiteY0" fmla="*/ 0 h 10000"/>
              <a:gd name="connsiteX1" fmla="*/ 10009 w 10009"/>
              <a:gd name="connsiteY1" fmla="*/ 26 h 10000"/>
              <a:gd name="connsiteX2" fmla="*/ 10009 w 10009"/>
              <a:gd name="connsiteY2" fmla="*/ 9961 h 10000"/>
              <a:gd name="connsiteX3" fmla="*/ 2099 w 10009"/>
              <a:gd name="connsiteY3" fmla="*/ 10000 h 10000"/>
              <a:gd name="connsiteX4" fmla="*/ 11 w 10009"/>
              <a:gd name="connsiteY4" fmla="*/ 4955 h 10000"/>
              <a:gd name="connsiteX5" fmla="*/ 2973 w 10009"/>
              <a:gd name="connsiteY5" fmla="*/ 0 h 10000"/>
              <a:gd name="connsiteX0" fmla="*/ 3067 w 10103"/>
              <a:gd name="connsiteY0" fmla="*/ 0 h 10000"/>
              <a:gd name="connsiteX1" fmla="*/ 10103 w 10103"/>
              <a:gd name="connsiteY1" fmla="*/ 26 h 10000"/>
              <a:gd name="connsiteX2" fmla="*/ 10103 w 10103"/>
              <a:gd name="connsiteY2" fmla="*/ 9961 h 10000"/>
              <a:gd name="connsiteX3" fmla="*/ 2193 w 10103"/>
              <a:gd name="connsiteY3" fmla="*/ 10000 h 10000"/>
              <a:gd name="connsiteX4" fmla="*/ 105 w 10103"/>
              <a:gd name="connsiteY4" fmla="*/ 4955 h 10000"/>
              <a:gd name="connsiteX5" fmla="*/ 3067 w 10103"/>
              <a:gd name="connsiteY5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103" h="10000">
                <a:moveTo>
                  <a:pt x="3067" y="0"/>
                </a:moveTo>
                <a:lnTo>
                  <a:pt x="10103" y="26"/>
                </a:lnTo>
                <a:lnTo>
                  <a:pt x="10103" y="9961"/>
                </a:lnTo>
                <a:lnTo>
                  <a:pt x="2193" y="10000"/>
                </a:lnTo>
                <a:cubicBezTo>
                  <a:pt x="1231" y="10000"/>
                  <a:pt x="-437" y="6988"/>
                  <a:pt x="105" y="4955"/>
                </a:cubicBezTo>
                <a:cubicBezTo>
                  <a:pt x="647" y="2922"/>
                  <a:pt x="2105" y="0"/>
                  <a:pt x="3067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vert="horz" lIns="0" tIns="226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26823241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, 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tshållare för bild 11">
            <a:extLst>
              <a:ext uri="{FF2B5EF4-FFF2-40B4-BE49-F238E27FC236}">
                <a16:creationId xmlns:a16="http://schemas.microsoft.com/office/drawing/2014/main" id="{A9174818-72F6-3840-6005-A4046B2637A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689205" y="-7239"/>
            <a:ext cx="4521266" cy="6892947"/>
          </a:xfrm>
          <a:custGeom>
            <a:avLst/>
            <a:gdLst>
              <a:gd name="csX0" fmla="*/ 272252 w 4521266"/>
              <a:gd name="csY0" fmla="*/ 247383 h 6892947"/>
              <a:gd name="csX1" fmla="*/ 457267 w 4521266"/>
              <a:gd name="csY1" fmla="*/ 1143311 h 6892947"/>
              <a:gd name="csX2" fmla="*/ 1011448 w 4521266"/>
              <a:gd name="csY2" fmla="*/ 561420 h 6892947"/>
              <a:gd name="csX3" fmla="*/ 1343958 w 4521266"/>
              <a:gd name="csY3" fmla="*/ 7238 h 6892947"/>
              <a:gd name="csX4" fmla="*/ 4502794 w 4521266"/>
              <a:gd name="csY4" fmla="*/ 7238 h 6892947"/>
              <a:gd name="csX5" fmla="*/ 4521266 w 4521266"/>
              <a:gd name="csY5" fmla="*/ 6883710 h 6892947"/>
              <a:gd name="csX6" fmla="*/ 383087 w 4521266"/>
              <a:gd name="csY6" fmla="*/ 6892947 h 6892947"/>
              <a:gd name="csX7" fmla="*/ 4685 w 4521266"/>
              <a:gd name="csY7" fmla="*/ 1383456 h 6892947"/>
              <a:gd name="csX8" fmla="*/ 272252 w 4521266"/>
              <a:gd name="csY8" fmla="*/ 247383 h 6892947"/>
            </a:gdLst>
            <a:ahLst/>
            <a:cxnLst>
              <a:cxn ang="0">
                <a:pos x="csX0" y="csY0"/>
              </a:cxn>
              <a:cxn ang="0">
                <a:pos x="csX1" y="csY1"/>
              </a:cxn>
              <a:cxn ang="0">
                <a:pos x="csX2" y="csY2"/>
              </a:cxn>
              <a:cxn ang="0">
                <a:pos x="csX3" y="csY3"/>
              </a:cxn>
              <a:cxn ang="0">
                <a:pos x="csX4" y="csY4"/>
              </a:cxn>
              <a:cxn ang="0">
                <a:pos x="csX5" y="csY5"/>
              </a:cxn>
              <a:cxn ang="0">
                <a:pos x="csX6" y="csY6"/>
              </a:cxn>
              <a:cxn ang="0">
                <a:pos x="csX7" y="csY7"/>
              </a:cxn>
              <a:cxn ang="0">
                <a:pos x="csX8" y="csY8"/>
              </a:cxn>
            </a:cxnLst>
            <a:rect l="l" t="t" r="r" b="b"/>
            <a:pathLst>
              <a:path w="4521266" h="6892947" fill="none" extrusionOk="0">
                <a:moveTo>
                  <a:pt x="272252" y="247383"/>
                </a:moveTo>
                <a:cubicBezTo>
                  <a:pt x="832512" y="216297"/>
                  <a:pt x="237457" y="757293"/>
                  <a:pt x="457267" y="1143311"/>
                </a:cubicBezTo>
                <a:cubicBezTo>
                  <a:pt x="570342" y="1202474"/>
                  <a:pt x="877512" y="799030"/>
                  <a:pt x="1011448" y="561420"/>
                </a:cubicBezTo>
                <a:cubicBezTo>
                  <a:pt x="1161327" y="374263"/>
                  <a:pt x="1381856" y="-58990"/>
                  <a:pt x="1343958" y="7238"/>
                </a:cubicBezTo>
                <a:cubicBezTo>
                  <a:pt x="2397863" y="159699"/>
                  <a:pt x="3129671" y="-49649"/>
                  <a:pt x="4502794" y="7238"/>
                </a:cubicBezTo>
                <a:cubicBezTo>
                  <a:pt x="4865298" y="2397525"/>
                  <a:pt x="4724464" y="4330164"/>
                  <a:pt x="4521266" y="6883710"/>
                </a:cubicBezTo>
                <a:cubicBezTo>
                  <a:pt x="4096112" y="6999345"/>
                  <a:pt x="1070342" y="6877488"/>
                  <a:pt x="383087" y="6892947"/>
                </a:cubicBezTo>
                <a:cubicBezTo>
                  <a:pt x="302166" y="4969099"/>
                  <a:pt x="265841" y="3368456"/>
                  <a:pt x="4685" y="1383456"/>
                </a:cubicBezTo>
                <a:cubicBezTo>
                  <a:pt x="-12437" y="270706"/>
                  <a:pt x="13670" y="298609"/>
                  <a:pt x="272252" y="247383"/>
                </a:cubicBezTo>
                <a:close/>
              </a:path>
              <a:path w="4521266" h="6892947" stroke="0" extrusionOk="0">
                <a:moveTo>
                  <a:pt x="272252" y="247383"/>
                </a:moveTo>
                <a:cubicBezTo>
                  <a:pt x="787660" y="257031"/>
                  <a:pt x="243422" y="738244"/>
                  <a:pt x="457267" y="1143311"/>
                </a:cubicBezTo>
                <a:cubicBezTo>
                  <a:pt x="591967" y="1234281"/>
                  <a:pt x="841873" y="755208"/>
                  <a:pt x="1011448" y="561420"/>
                </a:cubicBezTo>
                <a:cubicBezTo>
                  <a:pt x="1154216" y="362961"/>
                  <a:pt x="1386243" y="-55679"/>
                  <a:pt x="1343958" y="7238"/>
                </a:cubicBezTo>
                <a:cubicBezTo>
                  <a:pt x="1926696" y="-38103"/>
                  <a:pt x="3328970" y="-142079"/>
                  <a:pt x="4502794" y="7238"/>
                </a:cubicBezTo>
                <a:cubicBezTo>
                  <a:pt x="4414461" y="2276924"/>
                  <a:pt x="4715242" y="4557283"/>
                  <a:pt x="4521266" y="6883710"/>
                </a:cubicBezTo>
                <a:cubicBezTo>
                  <a:pt x="2641297" y="6869092"/>
                  <a:pt x="860070" y="6783519"/>
                  <a:pt x="383087" y="6892947"/>
                </a:cubicBezTo>
                <a:cubicBezTo>
                  <a:pt x="105901" y="4950471"/>
                  <a:pt x="187944" y="3397961"/>
                  <a:pt x="4685" y="1383456"/>
                </a:cubicBezTo>
                <a:cubicBezTo>
                  <a:pt x="-7775" y="277085"/>
                  <a:pt x="10353" y="295772"/>
                  <a:pt x="272252" y="247383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  <a:extLst>
              <a:ext uri="{C807C97D-BFC1-408E-A445-0C87EB9F89A2}">
                <ask:lineSketchStyleProps xmlns:ask="http://schemas.microsoft.com/office/drawing/2018/sketchyshapes" sd="2960630609">
                  <a:custGeom>
                    <a:avLst/>
                    <a:gdLst>
                      <a:gd name="connsiteX0" fmla="*/ 0 w 4581525"/>
                      <a:gd name="connsiteY0" fmla="*/ 0 h 6858000"/>
                      <a:gd name="connsiteX1" fmla="*/ 4581525 w 4581525"/>
                      <a:gd name="connsiteY1" fmla="*/ 0 h 6858000"/>
                      <a:gd name="connsiteX2" fmla="*/ 4581525 w 4581525"/>
                      <a:gd name="connsiteY2" fmla="*/ 6858000 h 6858000"/>
                      <a:gd name="connsiteX3" fmla="*/ 0 w 4581525"/>
                      <a:gd name="connsiteY3" fmla="*/ 6858000 h 6858000"/>
                      <a:gd name="connsiteX4" fmla="*/ 0 w 4581525"/>
                      <a:gd name="connsiteY4" fmla="*/ 0 h 6858000"/>
                      <a:gd name="connsiteX0" fmla="*/ 0 w 4581525"/>
                      <a:gd name="connsiteY0" fmla="*/ 0 h 6858000"/>
                      <a:gd name="connsiteX1" fmla="*/ 4581525 w 4581525"/>
                      <a:gd name="connsiteY1" fmla="*/ 0 h 6858000"/>
                      <a:gd name="connsiteX2" fmla="*/ 4581525 w 4581525"/>
                      <a:gd name="connsiteY2" fmla="*/ 6858000 h 6858000"/>
                      <a:gd name="connsiteX3" fmla="*/ 498764 w 4581525"/>
                      <a:gd name="connsiteY3" fmla="*/ 6848763 h 6858000"/>
                      <a:gd name="connsiteX4" fmla="*/ 0 w 4581525"/>
                      <a:gd name="connsiteY4" fmla="*/ 0 h 6858000"/>
                      <a:gd name="connsiteX0" fmla="*/ 0 w 4627707"/>
                      <a:gd name="connsiteY0" fmla="*/ 0 h 6858000"/>
                      <a:gd name="connsiteX1" fmla="*/ 4627707 w 4627707"/>
                      <a:gd name="connsiteY1" fmla="*/ 0 h 6858000"/>
                      <a:gd name="connsiteX2" fmla="*/ 4627707 w 4627707"/>
                      <a:gd name="connsiteY2" fmla="*/ 6858000 h 6858000"/>
                      <a:gd name="connsiteX3" fmla="*/ 544946 w 4627707"/>
                      <a:gd name="connsiteY3" fmla="*/ 6848763 h 6858000"/>
                      <a:gd name="connsiteX4" fmla="*/ 0 w 4627707"/>
                      <a:gd name="connsiteY4" fmla="*/ 0 h 6858000"/>
                      <a:gd name="connsiteX0" fmla="*/ 0 w 4627707"/>
                      <a:gd name="connsiteY0" fmla="*/ 18473 h 6876473"/>
                      <a:gd name="connsiteX1" fmla="*/ 4627707 w 4627707"/>
                      <a:gd name="connsiteY1" fmla="*/ 18473 h 6876473"/>
                      <a:gd name="connsiteX2" fmla="*/ 1542762 w 4627707"/>
                      <a:gd name="connsiteY2" fmla="*/ 0 h 6876473"/>
                      <a:gd name="connsiteX3" fmla="*/ 4627707 w 4627707"/>
                      <a:gd name="connsiteY3" fmla="*/ 6876473 h 6876473"/>
                      <a:gd name="connsiteX4" fmla="*/ 544946 w 4627707"/>
                      <a:gd name="connsiteY4" fmla="*/ 6867236 h 6876473"/>
                      <a:gd name="connsiteX5" fmla="*/ 0 w 4627707"/>
                      <a:gd name="connsiteY5" fmla="*/ 18473 h 6876473"/>
                      <a:gd name="connsiteX0" fmla="*/ 0 w 4627707"/>
                      <a:gd name="connsiteY0" fmla="*/ 0 h 6858000"/>
                      <a:gd name="connsiteX1" fmla="*/ 4627707 w 4627707"/>
                      <a:gd name="connsiteY1" fmla="*/ 0 h 6858000"/>
                      <a:gd name="connsiteX2" fmla="*/ 4627707 w 4627707"/>
                      <a:gd name="connsiteY2" fmla="*/ 6858000 h 6858000"/>
                      <a:gd name="connsiteX3" fmla="*/ 544946 w 4627707"/>
                      <a:gd name="connsiteY3" fmla="*/ 6848763 h 6858000"/>
                      <a:gd name="connsiteX4" fmla="*/ 0 w 4627707"/>
                      <a:gd name="connsiteY4" fmla="*/ 0 h 6858000"/>
                      <a:gd name="connsiteX0" fmla="*/ 0 w 4627707"/>
                      <a:gd name="connsiteY0" fmla="*/ 0 h 6858000"/>
                      <a:gd name="connsiteX1" fmla="*/ 1468871 w 4627707"/>
                      <a:gd name="connsiteY1" fmla="*/ 0 h 6858000"/>
                      <a:gd name="connsiteX2" fmla="*/ 4627707 w 4627707"/>
                      <a:gd name="connsiteY2" fmla="*/ 0 h 6858000"/>
                      <a:gd name="connsiteX3" fmla="*/ 4627707 w 4627707"/>
                      <a:gd name="connsiteY3" fmla="*/ 6858000 h 6858000"/>
                      <a:gd name="connsiteX4" fmla="*/ 544946 w 4627707"/>
                      <a:gd name="connsiteY4" fmla="*/ 6848763 h 6858000"/>
                      <a:gd name="connsiteX5" fmla="*/ 0 w 4627707"/>
                      <a:gd name="connsiteY5" fmla="*/ 0 h 6858000"/>
                      <a:gd name="connsiteX0" fmla="*/ 0 w 4627707"/>
                      <a:gd name="connsiteY0" fmla="*/ 18473 h 6876473"/>
                      <a:gd name="connsiteX1" fmla="*/ 591416 w 4627707"/>
                      <a:gd name="connsiteY1" fmla="*/ 0 h 6876473"/>
                      <a:gd name="connsiteX2" fmla="*/ 1468871 w 4627707"/>
                      <a:gd name="connsiteY2" fmla="*/ 18473 h 6876473"/>
                      <a:gd name="connsiteX3" fmla="*/ 4627707 w 4627707"/>
                      <a:gd name="connsiteY3" fmla="*/ 18473 h 6876473"/>
                      <a:gd name="connsiteX4" fmla="*/ 4627707 w 4627707"/>
                      <a:gd name="connsiteY4" fmla="*/ 6876473 h 6876473"/>
                      <a:gd name="connsiteX5" fmla="*/ 544946 w 4627707"/>
                      <a:gd name="connsiteY5" fmla="*/ 6867236 h 6876473"/>
                      <a:gd name="connsiteX6" fmla="*/ 0 w 4627707"/>
                      <a:gd name="connsiteY6" fmla="*/ 18473 h 6876473"/>
                      <a:gd name="connsiteX0" fmla="*/ 0 w 4627707"/>
                      <a:gd name="connsiteY0" fmla="*/ 0 h 6858000"/>
                      <a:gd name="connsiteX1" fmla="*/ 572944 w 4627707"/>
                      <a:gd name="connsiteY1" fmla="*/ 1182254 h 6858000"/>
                      <a:gd name="connsiteX2" fmla="*/ 1468871 w 4627707"/>
                      <a:gd name="connsiteY2" fmla="*/ 0 h 6858000"/>
                      <a:gd name="connsiteX3" fmla="*/ 4627707 w 4627707"/>
                      <a:gd name="connsiteY3" fmla="*/ 0 h 6858000"/>
                      <a:gd name="connsiteX4" fmla="*/ 4627707 w 4627707"/>
                      <a:gd name="connsiteY4" fmla="*/ 6858000 h 6858000"/>
                      <a:gd name="connsiteX5" fmla="*/ 544946 w 4627707"/>
                      <a:gd name="connsiteY5" fmla="*/ 6848763 h 6858000"/>
                      <a:gd name="connsiteX6" fmla="*/ 0 w 4627707"/>
                      <a:gd name="connsiteY6" fmla="*/ 0 h 6858000"/>
                      <a:gd name="connsiteX0" fmla="*/ 0 w 4627707"/>
                      <a:gd name="connsiteY0" fmla="*/ 0 h 6858000"/>
                      <a:gd name="connsiteX1" fmla="*/ 572944 w 4627707"/>
                      <a:gd name="connsiteY1" fmla="*/ 1182254 h 6858000"/>
                      <a:gd name="connsiteX2" fmla="*/ 1468871 w 4627707"/>
                      <a:gd name="connsiteY2" fmla="*/ 0 h 6858000"/>
                      <a:gd name="connsiteX3" fmla="*/ 4627707 w 4627707"/>
                      <a:gd name="connsiteY3" fmla="*/ 0 h 6858000"/>
                      <a:gd name="connsiteX4" fmla="*/ 4627707 w 4627707"/>
                      <a:gd name="connsiteY4" fmla="*/ 6858000 h 6858000"/>
                      <a:gd name="connsiteX5" fmla="*/ 544946 w 4627707"/>
                      <a:gd name="connsiteY5" fmla="*/ 6848763 h 6858000"/>
                      <a:gd name="connsiteX6" fmla="*/ 55707 w 4627707"/>
                      <a:gd name="connsiteY6" fmla="*/ 646545 h 6858000"/>
                      <a:gd name="connsiteX7" fmla="*/ 0 w 4627707"/>
                      <a:gd name="connsiteY7" fmla="*/ 0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7402 w 4572527"/>
                      <a:gd name="connsiteY0" fmla="*/ 295563 h 6858000"/>
                      <a:gd name="connsiteX1" fmla="*/ 517764 w 4572527"/>
                      <a:gd name="connsiteY1" fmla="*/ 1182254 h 6858000"/>
                      <a:gd name="connsiteX2" fmla="*/ 1413691 w 4572527"/>
                      <a:gd name="connsiteY2" fmla="*/ 0 h 6858000"/>
                      <a:gd name="connsiteX3" fmla="*/ 4572527 w 4572527"/>
                      <a:gd name="connsiteY3" fmla="*/ 0 h 6858000"/>
                      <a:gd name="connsiteX4" fmla="*/ 4572527 w 4572527"/>
                      <a:gd name="connsiteY4" fmla="*/ 6858000 h 6858000"/>
                      <a:gd name="connsiteX5" fmla="*/ 489766 w 4572527"/>
                      <a:gd name="connsiteY5" fmla="*/ 6848763 h 6858000"/>
                      <a:gd name="connsiteX6" fmla="*/ 527 w 4572527"/>
                      <a:gd name="connsiteY6" fmla="*/ 646545 h 6858000"/>
                      <a:gd name="connsiteX7" fmla="*/ 397402 w 4572527"/>
                      <a:gd name="connsiteY7" fmla="*/ 295563 h 6858000"/>
                      <a:gd name="connsiteX0" fmla="*/ 397659 w 4572784"/>
                      <a:gd name="connsiteY0" fmla="*/ 295563 h 6858000"/>
                      <a:gd name="connsiteX1" fmla="*/ 518021 w 4572784"/>
                      <a:gd name="connsiteY1" fmla="*/ 1182254 h 6858000"/>
                      <a:gd name="connsiteX2" fmla="*/ 1413948 w 4572784"/>
                      <a:gd name="connsiteY2" fmla="*/ 0 h 6858000"/>
                      <a:gd name="connsiteX3" fmla="*/ 4572784 w 4572784"/>
                      <a:gd name="connsiteY3" fmla="*/ 0 h 6858000"/>
                      <a:gd name="connsiteX4" fmla="*/ 4572784 w 4572784"/>
                      <a:gd name="connsiteY4" fmla="*/ 6858000 h 6858000"/>
                      <a:gd name="connsiteX5" fmla="*/ 490023 w 4572784"/>
                      <a:gd name="connsiteY5" fmla="*/ 6848763 h 6858000"/>
                      <a:gd name="connsiteX6" fmla="*/ 784 w 4572784"/>
                      <a:gd name="connsiteY6" fmla="*/ 646545 h 6858000"/>
                      <a:gd name="connsiteX7" fmla="*/ 397659 w 4572784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413164 w 4572000"/>
                      <a:gd name="connsiteY2" fmla="*/ 0 h 6858000"/>
                      <a:gd name="connsiteX3" fmla="*/ 4572000 w 4572000"/>
                      <a:gd name="connsiteY3" fmla="*/ 0 h 6858000"/>
                      <a:gd name="connsiteX4" fmla="*/ 4572000 w 4572000"/>
                      <a:gd name="connsiteY4" fmla="*/ 6858000 h 6858000"/>
                      <a:gd name="connsiteX5" fmla="*/ 489239 w 4572000"/>
                      <a:gd name="connsiteY5" fmla="*/ 6848763 h 6858000"/>
                      <a:gd name="connsiteX6" fmla="*/ 0 w 4572000"/>
                      <a:gd name="connsiteY6" fmla="*/ 646545 h 6858000"/>
                      <a:gd name="connsiteX7" fmla="*/ 396875 w 4572000"/>
                      <a:gd name="connsiteY7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858982 w 4572000"/>
                      <a:gd name="connsiteY2" fmla="*/ 424873 h 6858000"/>
                      <a:gd name="connsiteX3" fmla="*/ 1413164 w 4572000"/>
                      <a:gd name="connsiteY3" fmla="*/ 0 h 6858000"/>
                      <a:gd name="connsiteX4" fmla="*/ 4572000 w 4572000"/>
                      <a:gd name="connsiteY4" fmla="*/ 0 h 6858000"/>
                      <a:gd name="connsiteX5" fmla="*/ 4572000 w 4572000"/>
                      <a:gd name="connsiteY5" fmla="*/ 6858000 h 6858000"/>
                      <a:gd name="connsiteX6" fmla="*/ 489239 w 4572000"/>
                      <a:gd name="connsiteY6" fmla="*/ 6848763 h 6858000"/>
                      <a:gd name="connsiteX7" fmla="*/ 0 w 4572000"/>
                      <a:gd name="connsiteY7" fmla="*/ 646545 h 6858000"/>
                      <a:gd name="connsiteX8" fmla="*/ 396875 w 4572000"/>
                      <a:gd name="connsiteY8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858982 w 4572000"/>
                      <a:gd name="connsiteY2" fmla="*/ 424873 h 6858000"/>
                      <a:gd name="connsiteX3" fmla="*/ 1413164 w 4572000"/>
                      <a:gd name="connsiteY3" fmla="*/ 0 h 6858000"/>
                      <a:gd name="connsiteX4" fmla="*/ 4572000 w 4572000"/>
                      <a:gd name="connsiteY4" fmla="*/ 0 h 6858000"/>
                      <a:gd name="connsiteX5" fmla="*/ 4572000 w 4572000"/>
                      <a:gd name="connsiteY5" fmla="*/ 6858000 h 6858000"/>
                      <a:gd name="connsiteX6" fmla="*/ 489239 w 4572000"/>
                      <a:gd name="connsiteY6" fmla="*/ 6848763 h 6858000"/>
                      <a:gd name="connsiteX7" fmla="*/ 0 w 4572000"/>
                      <a:gd name="connsiteY7" fmla="*/ 646545 h 6858000"/>
                      <a:gd name="connsiteX8" fmla="*/ 396875 w 4572000"/>
                      <a:gd name="connsiteY8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080654 w 4572000"/>
                      <a:gd name="connsiteY2" fmla="*/ 554182 h 6858000"/>
                      <a:gd name="connsiteX3" fmla="*/ 1413164 w 4572000"/>
                      <a:gd name="connsiteY3" fmla="*/ 0 h 6858000"/>
                      <a:gd name="connsiteX4" fmla="*/ 4572000 w 4572000"/>
                      <a:gd name="connsiteY4" fmla="*/ 0 h 6858000"/>
                      <a:gd name="connsiteX5" fmla="*/ 4572000 w 4572000"/>
                      <a:gd name="connsiteY5" fmla="*/ 6858000 h 6858000"/>
                      <a:gd name="connsiteX6" fmla="*/ 489239 w 4572000"/>
                      <a:gd name="connsiteY6" fmla="*/ 6848763 h 6858000"/>
                      <a:gd name="connsiteX7" fmla="*/ 0 w 4572000"/>
                      <a:gd name="connsiteY7" fmla="*/ 646545 h 6858000"/>
                      <a:gd name="connsiteX8" fmla="*/ 396875 w 4572000"/>
                      <a:gd name="connsiteY8" fmla="*/ 295563 h 6858000"/>
                      <a:gd name="connsiteX0" fmla="*/ 396875 w 4572000"/>
                      <a:gd name="connsiteY0" fmla="*/ 295563 h 6858000"/>
                      <a:gd name="connsiteX1" fmla="*/ 517237 w 4572000"/>
                      <a:gd name="connsiteY1" fmla="*/ 1182254 h 6858000"/>
                      <a:gd name="connsiteX2" fmla="*/ 1080654 w 4572000"/>
                      <a:gd name="connsiteY2" fmla="*/ 554182 h 6858000"/>
                      <a:gd name="connsiteX3" fmla="*/ 1413164 w 4572000"/>
                      <a:gd name="connsiteY3" fmla="*/ 0 h 6858000"/>
                      <a:gd name="connsiteX4" fmla="*/ 4572000 w 4572000"/>
                      <a:gd name="connsiteY4" fmla="*/ 0 h 6858000"/>
                      <a:gd name="connsiteX5" fmla="*/ 4572000 w 4572000"/>
                      <a:gd name="connsiteY5" fmla="*/ 6858000 h 6858000"/>
                      <a:gd name="connsiteX6" fmla="*/ 489239 w 4572000"/>
                      <a:gd name="connsiteY6" fmla="*/ 6848763 h 6858000"/>
                      <a:gd name="connsiteX7" fmla="*/ 0 w 4572000"/>
                      <a:gd name="connsiteY7" fmla="*/ 646545 h 6858000"/>
                      <a:gd name="connsiteX8" fmla="*/ 396875 w 4572000"/>
                      <a:gd name="connsiteY8" fmla="*/ 295563 h 6858000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53783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53783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53783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53783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53783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96875 w 4572000"/>
                      <a:gd name="connsiteY8" fmla="*/ 302801 h 6865238"/>
                      <a:gd name="connsiteX0" fmla="*/ 396875 w 4572000"/>
                      <a:gd name="connsiteY0" fmla="*/ 302801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96875 w 4572000"/>
                      <a:gd name="connsiteY8" fmla="*/ 302801 h 6865238"/>
                      <a:gd name="connsiteX0" fmla="*/ 387639 w 4572000"/>
                      <a:gd name="connsiteY0" fmla="*/ 265856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65856 h 6865238"/>
                      <a:gd name="connsiteX0" fmla="*/ 387639 w 4572000"/>
                      <a:gd name="connsiteY0" fmla="*/ 265856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65856 h 6865238"/>
                      <a:gd name="connsiteX0" fmla="*/ 387639 w 4572000"/>
                      <a:gd name="connsiteY0" fmla="*/ 265856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65856 h 6865238"/>
                      <a:gd name="connsiteX0" fmla="*/ 387639 w 4572000"/>
                      <a:gd name="connsiteY0" fmla="*/ 265856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65856 h 6865238"/>
                      <a:gd name="connsiteX0" fmla="*/ 387639 w 4572000"/>
                      <a:gd name="connsiteY0" fmla="*/ 302802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302802 h 6865238"/>
                      <a:gd name="connsiteX0" fmla="*/ 387639 w 4572000"/>
                      <a:gd name="connsiteY0" fmla="*/ 302802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302802 h 6865238"/>
                      <a:gd name="connsiteX0" fmla="*/ 387639 w 4572000"/>
                      <a:gd name="connsiteY0" fmla="*/ 302802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302802 h 6865238"/>
                      <a:gd name="connsiteX0" fmla="*/ 387639 w 4572000"/>
                      <a:gd name="connsiteY0" fmla="*/ 302802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302802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89492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87639 w 4572000"/>
                      <a:gd name="connsiteY0" fmla="*/ 238147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87639 w 4572000"/>
                      <a:gd name="connsiteY8" fmla="*/ 238147 h 6865238"/>
                      <a:gd name="connsiteX0" fmla="*/ 369167 w 4572000"/>
                      <a:gd name="connsiteY0" fmla="*/ 275092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69167 w 4572000"/>
                      <a:gd name="connsiteY8" fmla="*/ 275092 h 6865238"/>
                      <a:gd name="connsiteX0" fmla="*/ 341458 w 4572000"/>
                      <a:gd name="connsiteY0" fmla="*/ 247383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41458 w 4572000"/>
                      <a:gd name="connsiteY8" fmla="*/ 247383 h 6865238"/>
                      <a:gd name="connsiteX0" fmla="*/ 341458 w 4572000"/>
                      <a:gd name="connsiteY0" fmla="*/ 247383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41458 w 4572000"/>
                      <a:gd name="connsiteY8" fmla="*/ 247383 h 6865238"/>
                      <a:gd name="connsiteX0" fmla="*/ 341458 w 4572000"/>
                      <a:gd name="connsiteY0" fmla="*/ 247383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41458 w 4572000"/>
                      <a:gd name="connsiteY8" fmla="*/ 247383 h 6865238"/>
                      <a:gd name="connsiteX0" fmla="*/ 341458 w 4572000"/>
                      <a:gd name="connsiteY0" fmla="*/ 247383 h 6865238"/>
                      <a:gd name="connsiteX1" fmla="*/ 517237 w 4572000"/>
                      <a:gd name="connsiteY1" fmla="*/ 1152547 h 6865238"/>
                      <a:gd name="connsiteX2" fmla="*/ 1080654 w 4572000"/>
                      <a:gd name="connsiteY2" fmla="*/ 561420 h 6865238"/>
                      <a:gd name="connsiteX3" fmla="*/ 1413164 w 4572000"/>
                      <a:gd name="connsiteY3" fmla="*/ 7238 h 6865238"/>
                      <a:gd name="connsiteX4" fmla="*/ 4572000 w 4572000"/>
                      <a:gd name="connsiteY4" fmla="*/ 7238 h 6865238"/>
                      <a:gd name="connsiteX5" fmla="*/ 4572000 w 4572000"/>
                      <a:gd name="connsiteY5" fmla="*/ 6865238 h 6865238"/>
                      <a:gd name="connsiteX6" fmla="*/ 489239 w 4572000"/>
                      <a:gd name="connsiteY6" fmla="*/ 6856001 h 6865238"/>
                      <a:gd name="connsiteX7" fmla="*/ 0 w 4572000"/>
                      <a:gd name="connsiteY7" fmla="*/ 699965 h 6865238"/>
                      <a:gd name="connsiteX8" fmla="*/ 341458 w 4572000"/>
                      <a:gd name="connsiteY8" fmla="*/ 247383 h 6865238"/>
                      <a:gd name="connsiteX0" fmla="*/ 358103 w 4588645"/>
                      <a:gd name="connsiteY0" fmla="*/ 247383 h 6865238"/>
                      <a:gd name="connsiteX1" fmla="*/ 533882 w 4588645"/>
                      <a:gd name="connsiteY1" fmla="*/ 1152547 h 6865238"/>
                      <a:gd name="connsiteX2" fmla="*/ 1097299 w 4588645"/>
                      <a:gd name="connsiteY2" fmla="*/ 561420 h 6865238"/>
                      <a:gd name="connsiteX3" fmla="*/ 1429809 w 4588645"/>
                      <a:gd name="connsiteY3" fmla="*/ 7238 h 6865238"/>
                      <a:gd name="connsiteX4" fmla="*/ 4588645 w 4588645"/>
                      <a:gd name="connsiteY4" fmla="*/ 7238 h 6865238"/>
                      <a:gd name="connsiteX5" fmla="*/ 4588645 w 4588645"/>
                      <a:gd name="connsiteY5" fmla="*/ 6865238 h 6865238"/>
                      <a:gd name="connsiteX6" fmla="*/ 505884 w 4588645"/>
                      <a:gd name="connsiteY6" fmla="*/ 6856001 h 6865238"/>
                      <a:gd name="connsiteX7" fmla="*/ 16645 w 4588645"/>
                      <a:gd name="connsiteY7" fmla="*/ 699965 h 6865238"/>
                      <a:gd name="connsiteX8" fmla="*/ 136718 w 4588645"/>
                      <a:gd name="connsiteY8" fmla="*/ 348984 h 6865238"/>
                      <a:gd name="connsiteX9" fmla="*/ 358103 w 4588645"/>
                      <a:gd name="connsiteY9" fmla="*/ 247383 h 6865238"/>
                      <a:gd name="connsiteX0" fmla="*/ 295610 w 4526152"/>
                      <a:gd name="connsiteY0" fmla="*/ 247383 h 6865238"/>
                      <a:gd name="connsiteX1" fmla="*/ 471389 w 4526152"/>
                      <a:gd name="connsiteY1" fmla="*/ 1152547 h 6865238"/>
                      <a:gd name="connsiteX2" fmla="*/ 1034806 w 4526152"/>
                      <a:gd name="connsiteY2" fmla="*/ 561420 h 6865238"/>
                      <a:gd name="connsiteX3" fmla="*/ 1367316 w 4526152"/>
                      <a:gd name="connsiteY3" fmla="*/ 7238 h 6865238"/>
                      <a:gd name="connsiteX4" fmla="*/ 4526152 w 4526152"/>
                      <a:gd name="connsiteY4" fmla="*/ 7238 h 6865238"/>
                      <a:gd name="connsiteX5" fmla="*/ 4526152 w 4526152"/>
                      <a:gd name="connsiteY5" fmla="*/ 6865238 h 6865238"/>
                      <a:gd name="connsiteX6" fmla="*/ 443391 w 4526152"/>
                      <a:gd name="connsiteY6" fmla="*/ 6856001 h 6865238"/>
                      <a:gd name="connsiteX7" fmla="*/ 28043 w 4526152"/>
                      <a:gd name="connsiteY7" fmla="*/ 1383456 h 6865238"/>
                      <a:gd name="connsiteX8" fmla="*/ 74225 w 4526152"/>
                      <a:gd name="connsiteY8" fmla="*/ 348984 h 6865238"/>
                      <a:gd name="connsiteX9" fmla="*/ 295610 w 4526152"/>
                      <a:gd name="connsiteY9" fmla="*/ 247383 h 6865238"/>
                      <a:gd name="connsiteX0" fmla="*/ 327829 w 4558371"/>
                      <a:gd name="connsiteY0" fmla="*/ 247383 h 6865238"/>
                      <a:gd name="connsiteX1" fmla="*/ 503608 w 4558371"/>
                      <a:gd name="connsiteY1" fmla="*/ 1152547 h 6865238"/>
                      <a:gd name="connsiteX2" fmla="*/ 1067025 w 4558371"/>
                      <a:gd name="connsiteY2" fmla="*/ 561420 h 6865238"/>
                      <a:gd name="connsiteX3" fmla="*/ 1399535 w 4558371"/>
                      <a:gd name="connsiteY3" fmla="*/ 7238 h 6865238"/>
                      <a:gd name="connsiteX4" fmla="*/ 4558371 w 4558371"/>
                      <a:gd name="connsiteY4" fmla="*/ 7238 h 6865238"/>
                      <a:gd name="connsiteX5" fmla="*/ 4558371 w 4558371"/>
                      <a:gd name="connsiteY5" fmla="*/ 6865238 h 6865238"/>
                      <a:gd name="connsiteX6" fmla="*/ 475610 w 4558371"/>
                      <a:gd name="connsiteY6" fmla="*/ 6856001 h 6865238"/>
                      <a:gd name="connsiteX7" fmla="*/ 60262 w 4558371"/>
                      <a:gd name="connsiteY7" fmla="*/ 1383456 h 6865238"/>
                      <a:gd name="connsiteX8" fmla="*/ 32553 w 4558371"/>
                      <a:gd name="connsiteY8" fmla="*/ 469057 h 6865238"/>
                      <a:gd name="connsiteX9" fmla="*/ 327829 w 4558371"/>
                      <a:gd name="connsiteY9" fmla="*/ 247383 h 6865238"/>
                      <a:gd name="connsiteX0" fmla="*/ 348041 w 4578583"/>
                      <a:gd name="connsiteY0" fmla="*/ 247383 h 6865238"/>
                      <a:gd name="connsiteX1" fmla="*/ 523820 w 4578583"/>
                      <a:gd name="connsiteY1" fmla="*/ 1152547 h 6865238"/>
                      <a:gd name="connsiteX2" fmla="*/ 1087237 w 4578583"/>
                      <a:gd name="connsiteY2" fmla="*/ 561420 h 6865238"/>
                      <a:gd name="connsiteX3" fmla="*/ 1419747 w 4578583"/>
                      <a:gd name="connsiteY3" fmla="*/ 7238 h 6865238"/>
                      <a:gd name="connsiteX4" fmla="*/ 4578583 w 4578583"/>
                      <a:gd name="connsiteY4" fmla="*/ 7238 h 6865238"/>
                      <a:gd name="connsiteX5" fmla="*/ 4578583 w 4578583"/>
                      <a:gd name="connsiteY5" fmla="*/ 6865238 h 6865238"/>
                      <a:gd name="connsiteX6" fmla="*/ 495822 w 4578583"/>
                      <a:gd name="connsiteY6" fmla="*/ 6856001 h 6865238"/>
                      <a:gd name="connsiteX7" fmla="*/ 80474 w 4578583"/>
                      <a:gd name="connsiteY7" fmla="*/ 1383456 h 6865238"/>
                      <a:gd name="connsiteX8" fmla="*/ 52765 w 4578583"/>
                      <a:gd name="connsiteY8" fmla="*/ 469057 h 6865238"/>
                      <a:gd name="connsiteX9" fmla="*/ 348041 w 4578583"/>
                      <a:gd name="connsiteY9" fmla="*/ 247383 h 6865238"/>
                      <a:gd name="connsiteX0" fmla="*/ 348041 w 4578583"/>
                      <a:gd name="connsiteY0" fmla="*/ 247383 h 6865238"/>
                      <a:gd name="connsiteX1" fmla="*/ 523820 w 4578583"/>
                      <a:gd name="connsiteY1" fmla="*/ 1152547 h 6865238"/>
                      <a:gd name="connsiteX2" fmla="*/ 1087237 w 4578583"/>
                      <a:gd name="connsiteY2" fmla="*/ 561420 h 6865238"/>
                      <a:gd name="connsiteX3" fmla="*/ 1419747 w 4578583"/>
                      <a:gd name="connsiteY3" fmla="*/ 7238 h 6865238"/>
                      <a:gd name="connsiteX4" fmla="*/ 4578583 w 4578583"/>
                      <a:gd name="connsiteY4" fmla="*/ 7238 h 6865238"/>
                      <a:gd name="connsiteX5" fmla="*/ 4578583 w 4578583"/>
                      <a:gd name="connsiteY5" fmla="*/ 6865238 h 6865238"/>
                      <a:gd name="connsiteX6" fmla="*/ 495822 w 4578583"/>
                      <a:gd name="connsiteY6" fmla="*/ 6856001 h 6865238"/>
                      <a:gd name="connsiteX7" fmla="*/ 80474 w 4578583"/>
                      <a:gd name="connsiteY7" fmla="*/ 1383456 h 6865238"/>
                      <a:gd name="connsiteX8" fmla="*/ 52765 w 4578583"/>
                      <a:gd name="connsiteY8" fmla="*/ 441348 h 6865238"/>
                      <a:gd name="connsiteX9" fmla="*/ 348041 w 457858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03610 w 4558373"/>
                      <a:gd name="connsiteY1" fmla="*/ 1152547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03610 w 4558373"/>
                      <a:gd name="connsiteY1" fmla="*/ 1152547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03610 w 4558373"/>
                      <a:gd name="connsiteY1" fmla="*/ 1152547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75612 w 4558373"/>
                      <a:gd name="connsiteY6" fmla="*/ 6856001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58373"/>
                      <a:gd name="connsiteY0" fmla="*/ 247383 h 6865238"/>
                      <a:gd name="connsiteX1" fmla="*/ 512846 w 4558373"/>
                      <a:gd name="connsiteY1" fmla="*/ 1143311 h 6865238"/>
                      <a:gd name="connsiteX2" fmla="*/ 1067027 w 4558373"/>
                      <a:gd name="connsiteY2" fmla="*/ 561420 h 6865238"/>
                      <a:gd name="connsiteX3" fmla="*/ 1399537 w 4558373"/>
                      <a:gd name="connsiteY3" fmla="*/ 7238 h 6865238"/>
                      <a:gd name="connsiteX4" fmla="*/ 4558373 w 4558373"/>
                      <a:gd name="connsiteY4" fmla="*/ 7238 h 6865238"/>
                      <a:gd name="connsiteX5" fmla="*/ 4558373 w 4558373"/>
                      <a:gd name="connsiteY5" fmla="*/ 6865238 h 6865238"/>
                      <a:gd name="connsiteX6" fmla="*/ 457139 w 4558373"/>
                      <a:gd name="connsiteY6" fmla="*/ 6865238 h 6865238"/>
                      <a:gd name="connsiteX7" fmla="*/ 60264 w 4558373"/>
                      <a:gd name="connsiteY7" fmla="*/ 1383456 h 6865238"/>
                      <a:gd name="connsiteX8" fmla="*/ 32555 w 4558373"/>
                      <a:gd name="connsiteY8" fmla="*/ 441348 h 6865238"/>
                      <a:gd name="connsiteX9" fmla="*/ 327831 w 4558373"/>
                      <a:gd name="connsiteY9" fmla="*/ 247383 h 6865238"/>
                      <a:gd name="connsiteX0" fmla="*/ 327831 w 4576845"/>
                      <a:gd name="connsiteY0" fmla="*/ 247383 h 6883710"/>
                      <a:gd name="connsiteX1" fmla="*/ 512846 w 4576845"/>
                      <a:gd name="connsiteY1" fmla="*/ 1143311 h 6883710"/>
                      <a:gd name="connsiteX2" fmla="*/ 1067027 w 4576845"/>
                      <a:gd name="connsiteY2" fmla="*/ 561420 h 6883710"/>
                      <a:gd name="connsiteX3" fmla="*/ 1399537 w 4576845"/>
                      <a:gd name="connsiteY3" fmla="*/ 7238 h 6883710"/>
                      <a:gd name="connsiteX4" fmla="*/ 4558373 w 4576845"/>
                      <a:gd name="connsiteY4" fmla="*/ 7238 h 6883710"/>
                      <a:gd name="connsiteX5" fmla="*/ 4576845 w 4576845"/>
                      <a:gd name="connsiteY5" fmla="*/ 6883710 h 6883710"/>
                      <a:gd name="connsiteX6" fmla="*/ 457139 w 4576845"/>
                      <a:gd name="connsiteY6" fmla="*/ 6865238 h 6883710"/>
                      <a:gd name="connsiteX7" fmla="*/ 60264 w 4576845"/>
                      <a:gd name="connsiteY7" fmla="*/ 1383456 h 6883710"/>
                      <a:gd name="connsiteX8" fmla="*/ 32555 w 4576845"/>
                      <a:gd name="connsiteY8" fmla="*/ 441348 h 6883710"/>
                      <a:gd name="connsiteX9" fmla="*/ 327831 w 4576845"/>
                      <a:gd name="connsiteY9" fmla="*/ 247383 h 6883710"/>
                      <a:gd name="connsiteX0" fmla="*/ 327831 w 4576845"/>
                      <a:gd name="connsiteY0" fmla="*/ 247383 h 6892947"/>
                      <a:gd name="connsiteX1" fmla="*/ 512846 w 4576845"/>
                      <a:gd name="connsiteY1" fmla="*/ 1143311 h 6892947"/>
                      <a:gd name="connsiteX2" fmla="*/ 1067027 w 4576845"/>
                      <a:gd name="connsiteY2" fmla="*/ 561420 h 6892947"/>
                      <a:gd name="connsiteX3" fmla="*/ 1399537 w 4576845"/>
                      <a:gd name="connsiteY3" fmla="*/ 7238 h 6892947"/>
                      <a:gd name="connsiteX4" fmla="*/ 4558373 w 4576845"/>
                      <a:gd name="connsiteY4" fmla="*/ 7238 h 6892947"/>
                      <a:gd name="connsiteX5" fmla="*/ 4576845 w 4576845"/>
                      <a:gd name="connsiteY5" fmla="*/ 6883710 h 6892947"/>
                      <a:gd name="connsiteX6" fmla="*/ 438666 w 4576845"/>
                      <a:gd name="connsiteY6" fmla="*/ 6892947 h 6892947"/>
                      <a:gd name="connsiteX7" fmla="*/ 60264 w 4576845"/>
                      <a:gd name="connsiteY7" fmla="*/ 1383456 h 6892947"/>
                      <a:gd name="connsiteX8" fmla="*/ 32555 w 4576845"/>
                      <a:gd name="connsiteY8" fmla="*/ 441348 h 6892947"/>
                      <a:gd name="connsiteX9" fmla="*/ 327831 w 4576845"/>
                      <a:gd name="connsiteY9" fmla="*/ 247383 h 6892947"/>
                      <a:gd name="connsiteX0" fmla="*/ 300853 w 4549867"/>
                      <a:gd name="connsiteY0" fmla="*/ 247383 h 6892947"/>
                      <a:gd name="connsiteX1" fmla="*/ 485868 w 4549867"/>
                      <a:gd name="connsiteY1" fmla="*/ 1143311 h 6892947"/>
                      <a:gd name="connsiteX2" fmla="*/ 1040049 w 4549867"/>
                      <a:gd name="connsiteY2" fmla="*/ 561420 h 6892947"/>
                      <a:gd name="connsiteX3" fmla="*/ 1372559 w 4549867"/>
                      <a:gd name="connsiteY3" fmla="*/ 7238 h 6892947"/>
                      <a:gd name="connsiteX4" fmla="*/ 4531395 w 4549867"/>
                      <a:gd name="connsiteY4" fmla="*/ 7238 h 6892947"/>
                      <a:gd name="connsiteX5" fmla="*/ 4549867 w 4549867"/>
                      <a:gd name="connsiteY5" fmla="*/ 6883710 h 6892947"/>
                      <a:gd name="connsiteX6" fmla="*/ 411688 w 4549867"/>
                      <a:gd name="connsiteY6" fmla="*/ 6892947 h 6892947"/>
                      <a:gd name="connsiteX7" fmla="*/ 33286 w 4549867"/>
                      <a:gd name="connsiteY7" fmla="*/ 1383456 h 6892947"/>
                      <a:gd name="connsiteX8" fmla="*/ 60995 w 4549867"/>
                      <a:gd name="connsiteY8" fmla="*/ 450584 h 6892947"/>
                      <a:gd name="connsiteX9" fmla="*/ 300853 w 4549867"/>
                      <a:gd name="connsiteY9" fmla="*/ 247383 h 6892947"/>
                      <a:gd name="connsiteX0" fmla="*/ 300853 w 4549867"/>
                      <a:gd name="connsiteY0" fmla="*/ 247383 h 6892947"/>
                      <a:gd name="connsiteX1" fmla="*/ 485868 w 4549867"/>
                      <a:gd name="connsiteY1" fmla="*/ 1143311 h 6892947"/>
                      <a:gd name="connsiteX2" fmla="*/ 1040049 w 4549867"/>
                      <a:gd name="connsiteY2" fmla="*/ 561420 h 6892947"/>
                      <a:gd name="connsiteX3" fmla="*/ 1372559 w 4549867"/>
                      <a:gd name="connsiteY3" fmla="*/ 7238 h 6892947"/>
                      <a:gd name="connsiteX4" fmla="*/ 4531395 w 4549867"/>
                      <a:gd name="connsiteY4" fmla="*/ 7238 h 6892947"/>
                      <a:gd name="connsiteX5" fmla="*/ 4549867 w 4549867"/>
                      <a:gd name="connsiteY5" fmla="*/ 6883710 h 6892947"/>
                      <a:gd name="connsiteX6" fmla="*/ 411688 w 4549867"/>
                      <a:gd name="connsiteY6" fmla="*/ 6892947 h 6892947"/>
                      <a:gd name="connsiteX7" fmla="*/ 33286 w 4549867"/>
                      <a:gd name="connsiteY7" fmla="*/ 1383456 h 6892947"/>
                      <a:gd name="connsiteX8" fmla="*/ 60995 w 4549867"/>
                      <a:gd name="connsiteY8" fmla="*/ 450584 h 6892947"/>
                      <a:gd name="connsiteX9" fmla="*/ 300853 w 4549867"/>
                      <a:gd name="connsiteY9" fmla="*/ 247383 h 6892947"/>
                      <a:gd name="connsiteX0" fmla="*/ 318920 w 4567934"/>
                      <a:gd name="connsiteY0" fmla="*/ 247383 h 6892947"/>
                      <a:gd name="connsiteX1" fmla="*/ 503935 w 4567934"/>
                      <a:gd name="connsiteY1" fmla="*/ 1143311 h 6892947"/>
                      <a:gd name="connsiteX2" fmla="*/ 1058116 w 4567934"/>
                      <a:gd name="connsiteY2" fmla="*/ 561420 h 6892947"/>
                      <a:gd name="connsiteX3" fmla="*/ 1390626 w 4567934"/>
                      <a:gd name="connsiteY3" fmla="*/ 7238 h 6892947"/>
                      <a:gd name="connsiteX4" fmla="*/ 4549462 w 4567934"/>
                      <a:gd name="connsiteY4" fmla="*/ 7238 h 6892947"/>
                      <a:gd name="connsiteX5" fmla="*/ 4567934 w 4567934"/>
                      <a:gd name="connsiteY5" fmla="*/ 6883710 h 6892947"/>
                      <a:gd name="connsiteX6" fmla="*/ 429755 w 4567934"/>
                      <a:gd name="connsiteY6" fmla="*/ 6892947 h 6892947"/>
                      <a:gd name="connsiteX7" fmla="*/ 51353 w 4567934"/>
                      <a:gd name="connsiteY7" fmla="*/ 1383456 h 6892947"/>
                      <a:gd name="connsiteX8" fmla="*/ 79062 w 4567934"/>
                      <a:gd name="connsiteY8" fmla="*/ 450584 h 6892947"/>
                      <a:gd name="connsiteX9" fmla="*/ 318920 w 4567934"/>
                      <a:gd name="connsiteY9" fmla="*/ 247383 h 6892947"/>
                      <a:gd name="connsiteX0" fmla="*/ 329785 w 4578799"/>
                      <a:gd name="connsiteY0" fmla="*/ 247383 h 6892947"/>
                      <a:gd name="connsiteX1" fmla="*/ 514800 w 4578799"/>
                      <a:gd name="connsiteY1" fmla="*/ 1143311 h 6892947"/>
                      <a:gd name="connsiteX2" fmla="*/ 1068981 w 4578799"/>
                      <a:gd name="connsiteY2" fmla="*/ 561420 h 6892947"/>
                      <a:gd name="connsiteX3" fmla="*/ 1401491 w 4578799"/>
                      <a:gd name="connsiteY3" fmla="*/ 7238 h 6892947"/>
                      <a:gd name="connsiteX4" fmla="*/ 4560327 w 4578799"/>
                      <a:gd name="connsiteY4" fmla="*/ 7238 h 6892947"/>
                      <a:gd name="connsiteX5" fmla="*/ 4578799 w 4578799"/>
                      <a:gd name="connsiteY5" fmla="*/ 6883710 h 6892947"/>
                      <a:gd name="connsiteX6" fmla="*/ 440620 w 4578799"/>
                      <a:gd name="connsiteY6" fmla="*/ 6892947 h 6892947"/>
                      <a:gd name="connsiteX7" fmla="*/ 62218 w 4578799"/>
                      <a:gd name="connsiteY7" fmla="*/ 1383456 h 6892947"/>
                      <a:gd name="connsiteX8" fmla="*/ 89927 w 4578799"/>
                      <a:gd name="connsiteY8" fmla="*/ 450584 h 6892947"/>
                      <a:gd name="connsiteX9" fmla="*/ 329785 w 4578799"/>
                      <a:gd name="connsiteY9" fmla="*/ 247383 h 6892947"/>
                      <a:gd name="connsiteX0" fmla="*/ 329785 w 4578799"/>
                      <a:gd name="connsiteY0" fmla="*/ 247383 h 6892947"/>
                      <a:gd name="connsiteX1" fmla="*/ 514800 w 4578799"/>
                      <a:gd name="connsiteY1" fmla="*/ 1143311 h 6892947"/>
                      <a:gd name="connsiteX2" fmla="*/ 1068981 w 4578799"/>
                      <a:gd name="connsiteY2" fmla="*/ 561420 h 6892947"/>
                      <a:gd name="connsiteX3" fmla="*/ 1401491 w 4578799"/>
                      <a:gd name="connsiteY3" fmla="*/ 7238 h 6892947"/>
                      <a:gd name="connsiteX4" fmla="*/ 4560327 w 4578799"/>
                      <a:gd name="connsiteY4" fmla="*/ 7238 h 6892947"/>
                      <a:gd name="connsiteX5" fmla="*/ 4578799 w 4578799"/>
                      <a:gd name="connsiteY5" fmla="*/ 6883710 h 6892947"/>
                      <a:gd name="connsiteX6" fmla="*/ 440620 w 4578799"/>
                      <a:gd name="connsiteY6" fmla="*/ 6892947 h 6892947"/>
                      <a:gd name="connsiteX7" fmla="*/ 62218 w 4578799"/>
                      <a:gd name="connsiteY7" fmla="*/ 1383456 h 6892947"/>
                      <a:gd name="connsiteX8" fmla="*/ 89927 w 4578799"/>
                      <a:gd name="connsiteY8" fmla="*/ 450584 h 6892947"/>
                      <a:gd name="connsiteX9" fmla="*/ 329785 w 4578799"/>
                      <a:gd name="connsiteY9" fmla="*/ 247383 h 6892947"/>
                      <a:gd name="connsiteX0" fmla="*/ 268710 w 4517724"/>
                      <a:gd name="connsiteY0" fmla="*/ 247383 h 6892947"/>
                      <a:gd name="connsiteX1" fmla="*/ 453725 w 4517724"/>
                      <a:gd name="connsiteY1" fmla="*/ 1143311 h 6892947"/>
                      <a:gd name="connsiteX2" fmla="*/ 1007906 w 4517724"/>
                      <a:gd name="connsiteY2" fmla="*/ 561420 h 6892947"/>
                      <a:gd name="connsiteX3" fmla="*/ 1340416 w 4517724"/>
                      <a:gd name="connsiteY3" fmla="*/ 7238 h 6892947"/>
                      <a:gd name="connsiteX4" fmla="*/ 4499252 w 4517724"/>
                      <a:gd name="connsiteY4" fmla="*/ 7238 h 6892947"/>
                      <a:gd name="connsiteX5" fmla="*/ 4517724 w 4517724"/>
                      <a:gd name="connsiteY5" fmla="*/ 6883710 h 6892947"/>
                      <a:gd name="connsiteX6" fmla="*/ 379545 w 4517724"/>
                      <a:gd name="connsiteY6" fmla="*/ 6892947 h 6892947"/>
                      <a:gd name="connsiteX7" fmla="*/ 1143 w 4517724"/>
                      <a:gd name="connsiteY7" fmla="*/ 1383456 h 6892947"/>
                      <a:gd name="connsiteX8" fmla="*/ 268710 w 4517724"/>
                      <a:gd name="connsiteY8" fmla="*/ 247383 h 6892947"/>
                      <a:gd name="connsiteX0" fmla="*/ 303814 w 4552828"/>
                      <a:gd name="connsiteY0" fmla="*/ 247383 h 6892947"/>
                      <a:gd name="connsiteX1" fmla="*/ 488829 w 4552828"/>
                      <a:gd name="connsiteY1" fmla="*/ 1143311 h 6892947"/>
                      <a:gd name="connsiteX2" fmla="*/ 1043010 w 4552828"/>
                      <a:gd name="connsiteY2" fmla="*/ 561420 h 6892947"/>
                      <a:gd name="connsiteX3" fmla="*/ 1375520 w 4552828"/>
                      <a:gd name="connsiteY3" fmla="*/ 7238 h 6892947"/>
                      <a:gd name="connsiteX4" fmla="*/ 4534356 w 4552828"/>
                      <a:gd name="connsiteY4" fmla="*/ 7238 h 6892947"/>
                      <a:gd name="connsiteX5" fmla="*/ 4552828 w 4552828"/>
                      <a:gd name="connsiteY5" fmla="*/ 6883710 h 6892947"/>
                      <a:gd name="connsiteX6" fmla="*/ 414649 w 4552828"/>
                      <a:gd name="connsiteY6" fmla="*/ 6892947 h 6892947"/>
                      <a:gd name="connsiteX7" fmla="*/ 36247 w 4552828"/>
                      <a:gd name="connsiteY7" fmla="*/ 1383456 h 6892947"/>
                      <a:gd name="connsiteX8" fmla="*/ 45484 w 4552828"/>
                      <a:gd name="connsiteY8" fmla="*/ 755384 h 6892947"/>
                      <a:gd name="connsiteX9" fmla="*/ 303814 w 4552828"/>
                      <a:gd name="connsiteY9" fmla="*/ 247383 h 6892947"/>
                      <a:gd name="connsiteX0" fmla="*/ 303814 w 4552828"/>
                      <a:gd name="connsiteY0" fmla="*/ 247383 h 6892947"/>
                      <a:gd name="connsiteX1" fmla="*/ 488829 w 4552828"/>
                      <a:gd name="connsiteY1" fmla="*/ 1143311 h 6892947"/>
                      <a:gd name="connsiteX2" fmla="*/ 1043010 w 4552828"/>
                      <a:gd name="connsiteY2" fmla="*/ 561420 h 6892947"/>
                      <a:gd name="connsiteX3" fmla="*/ 1375520 w 4552828"/>
                      <a:gd name="connsiteY3" fmla="*/ 7238 h 6892947"/>
                      <a:gd name="connsiteX4" fmla="*/ 4534356 w 4552828"/>
                      <a:gd name="connsiteY4" fmla="*/ 7238 h 6892947"/>
                      <a:gd name="connsiteX5" fmla="*/ 4552828 w 4552828"/>
                      <a:gd name="connsiteY5" fmla="*/ 6883710 h 6892947"/>
                      <a:gd name="connsiteX6" fmla="*/ 414649 w 4552828"/>
                      <a:gd name="connsiteY6" fmla="*/ 6892947 h 6892947"/>
                      <a:gd name="connsiteX7" fmla="*/ 36247 w 4552828"/>
                      <a:gd name="connsiteY7" fmla="*/ 1383456 h 6892947"/>
                      <a:gd name="connsiteX8" fmla="*/ 45484 w 4552828"/>
                      <a:gd name="connsiteY8" fmla="*/ 755384 h 6892947"/>
                      <a:gd name="connsiteX9" fmla="*/ 303814 w 4552828"/>
                      <a:gd name="connsiteY9" fmla="*/ 247383 h 6892947"/>
                      <a:gd name="connsiteX0" fmla="*/ 313177 w 4562191"/>
                      <a:gd name="connsiteY0" fmla="*/ 247383 h 6892947"/>
                      <a:gd name="connsiteX1" fmla="*/ 498192 w 4562191"/>
                      <a:gd name="connsiteY1" fmla="*/ 1143311 h 6892947"/>
                      <a:gd name="connsiteX2" fmla="*/ 1052373 w 4562191"/>
                      <a:gd name="connsiteY2" fmla="*/ 561420 h 6892947"/>
                      <a:gd name="connsiteX3" fmla="*/ 1384883 w 4562191"/>
                      <a:gd name="connsiteY3" fmla="*/ 7238 h 6892947"/>
                      <a:gd name="connsiteX4" fmla="*/ 4543719 w 4562191"/>
                      <a:gd name="connsiteY4" fmla="*/ 7238 h 6892947"/>
                      <a:gd name="connsiteX5" fmla="*/ 4562191 w 4562191"/>
                      <a:gd name="connsiteY5" fmla="*/ 6883710 h 6892947"/>
                      <a:gd name="connsiteX6" fmla="*/ 424012 w 4562191"/>
                      <a:gd name="connsiteY6" fmla="*/ 6892947 h 6892947"/>
                      <a:gd name="connsiteX7" fmla="*/ 45610 w 4562191"/>
                      <a:gd name="connsiteY7" fmla="*/ 1383456 h 6892947"/>
                      <a:gd name="connsiteX8" fmla="*/ 54847 w 4562191"/>
                      <a:gd name="connsiteY8" fmla="*/ 755384 h 6892947"/>
                      <a:gd name="connsiteX9" fmla="*/ 313177 w 4562191"/>
                      <a:gd name="connsiteY9" fmla="*/ 247383 h 6892947"/>
                      <a:gd name="connsiteX0" fmla="*/ 328539 w 4577553"/>
                      <a:gd name="connsiteY0" fmla="*/ 247383 h 6892947"/>
                      <a:gd name="connsiteX1" fmla="*/ 513554 w 4577553"/>
                      <a:gd name="connsiteY1" fmla="*/ 1143311 h 6892947"/>
                      <a:gd name="connsiteX2" fmla="*/ 1067735 w 4577553"/>
                      <a:gd name="connsiteY2" fmla="*/ 561420 h 6892947"/>
                      <a:gd name="connsiteX3" fmla="*/ 1400245 w 4577553"/>
                      <a:gd name="connsiteY3" fmla="*/ 7238 h 6892947"/>
                      <a:gd name="connsiteX4" fmla="*/ 4559081 w 4577553"/>
                      <a:gd name="connsiteY4" fmla="*/ 7238 h 6892947"/>
                      <a:gd name="connsiteX5" fmla="*/ 4577553 w 4577553"/>
                      <a:gd name="connsiteY5" fmla="*/ 6883710 h 6892947"/>
                      <a:gd name="connsiteX6" fmla="*/ 439374 w 4577553"/>
                      <a:gd name="connsiteY6" fmla="*/ 6892947 h 6892947"/>
                      <a:gd name="connsiteX7" fmla="*/ 60972 w 4577553"/>
                      <a:gd name="connsiteY7" fmla="*/ 1383456 h 6892947"/>
                      <a:gd name="connsiteX8" fmla="*/ 42500 w 4577553"/>
                      <a:gd name="connsiteY8" fmla="*/ 663020 h 6892947"/>
                      <a:gd name="connsiteX9" fmla="*/ 328539 w 4577553"/>
                      <a:gd name="connsiteY9" fmla="*/ 247383 h 6892947"/>
                      <a:gd name="connsiteX0" fmla="*/ 328539 w 4577553"/>
                      <a:gd name="connsiteY0" fmla="*/ 247383 h 6892947"/>
                      <a:gd name="connsiteX1" fmla="*/ 513554 w 4577553"/>
                      <a:gd name="connsiteY1" fmla="*/ 1143311 h 6892947"/>
                      <a:gd name="connsiteX2" fmla="*/ 1067735 w 4577553"/>
                      <a:gd name="connsiteY2" fmla="*/ 561420 h 6892947"/>
                      <a:gd name="connsiteX3" fmla="*/ 1400245 w 4577553"/>
                      <a:gd name="connsiteY3" fmla="*/ 7238 h 6892947"/>
                      <a:gd name="connsiteX4" fmla="*/ 4559081 w 4577553"/>
                      <a:gd name="connsiteY4" fmla="*/ 7238 h 6892947"/>
                      <a:gd name="connsiteX5" fmla="*/ 4577553 w 4577553"/>
                      <a:gd name="connsiteY5" fmla="*/ 6883710 h 6892947"/>
                      <a:gd name="connsiteX6" fmla="*/ 439374 w 4577553"/>
                      <a:gd name="connsiteY6" fmla="*/ 6892947 h 6892947"/>
                      <a:gd name="connsiteX7" fmla="*/ 60972 w 4577553"/>
                      <a:gd name="connsiteY7" fmla="*/ 1383456 h 6892947"/>
                      <a:gd name="connsiteX8" fmla="*/ 42500 w 4577553"/>
                      <a:gd name="connsiteY8" fmla="*/ 663020 h 6892947"/>
                      <a:gd name="connsiteX9" fmla="*/ 328539 w 4577553"/>
                      <a:gd name="connsiteY9" fmla="*/ 247383 h 6892947"/>
                      <a:gd name="connsiteX0" fmla="*/ 309675 w 4558689"/>
                      <a:gd name="connsiteY0" fmla="*/ 247383 h 6892947"/>
                      <a:gd name="connsiteX1" fmla="*/ 494690 w 4558689"/>
                      <a:gd name="connsiteY1" fmla="*/ 1143311 h 6892947"/>
                      <a:gd name="connsiteX2" fmla="*/ 1048871 w 4558689"/>
                      <a:gd name="connsiteY2" fmla="*/ 561420 h 6892947"/>
                      <a:gd name="connsiteX3" fmla="*/ 1381381 w 4558689"/>
                      <a:gd name="connsiteY3" fmla="*/ 7238 h 6892947"/>
                      <a:gd name="connsiteX4" fmla="*/ 4540217 w 4558689"/>
                      <a:gd name="connsiteY4" fmla="*/ 7238 h 6892947"/>
                      <a:gd name="connsiteX5" fmla="*/ 4558689 w 4558689"/>
                      <a:gd name="connsiteY5" fmla="*/ 6883710 h 6892947"/>
                      <a:gd name="connsiteX6" fmla="*/ 420510 w 4558689"/>
                      <a:gd name="connsiteY6" fmla="*/ 6892947 h 6892947"/>
                      <a:gd name="connsiteX7" fmla="*/ 42108 w 4558689"/>
                      <a:gd name="connsiteY7" fmla="*/ 1383456 h 6892947"/>
                      <a:gd name="connsiteX8" fmla="*/ 23636 w 4558689"/>
                      <a:gd name="connsiteY8" fmla="*/ 663020 h 6892947"/>
                      <a:gd name="connsiteX9" fmla="*/ 309675 w 4558689"/>
                      <a:gd name="connsiteY9" fmla="*/ 247383 h 6892947"/>
                      <a:gd name="connsiteX0" fmla="*/ 268710 w 4517724"/>
                      <a:gd name="connsiteY0" fmla="*/ 247383 h 6892947"/>
                      <a:gd name="connsiteX1" fmla="*/ 453725 w 4517724"/>
                      <a:gd name="connsiteY1" fmla="*/ 1143311 h 6892947"/>
                      <a:gd name="connsiteX2" fmla="*/ 1007906 w 4517724"/>
                      <a:gd name="connsiteY2" fmla="*/ 561420 h 6892947"/>
                      <a:gd name="connsiteX3" fmla="*/ 1340416 w 4517724"/>
                      <a:gd name="connsiteY3" fmla="*/ 7238 h 6892947"/>
                      <a:gd name="connsiteX4" fmla="*/ 4499252 w 4517724"/>
                      <a:gd name="connsiteY4" fmla="*/ 7238 h 6892947"/>
                      <a:gd name="connsiteX5" fmla="*/ 4517724 w 4517724"/>
                      <a:gd name="connsiteY5" fmla="*/ 6883710 h 6892947"/>
                      <a:gd name="connsiteX6" fmla="*/ 379545 w 4517724"/>
                      <a:gd name="connsiteY6" fmla="*/ 6892947 h 6892947"/>
                      <a:gd name="connsiteX7" fmla="*/ 1143 w 4517724"/>
                      <a:gd name="connsiteY7" fmla="*/ 1383456 h 6892947"/>
                      <a:gd name="connsiteX8" fmla="*/ 268710 w 4517724"/>
                      <a:gd name="connsiteY8" fmla="*/ 247383 h 6892947"/>
                      <a:gd name="connsiteX0" fmla="*/ 272252 w 4521266"/>
                      <a:gd name="connsiteY0" fmla="*/ 247383 h 6892947"/>
                      <a:gd name="connsiteX1" fmla="*/ 457267 w 4521266"/>
                      <a:gd name="connsiteY1" fmla="*/ 1143311 h 6892947"/>
                      <a:gd name="connsiteX2" fmla="*/ 1011448 w 4521266"/>
                      <a:gd name="connsiteY2" fmla="*/ 561420 h 6892947"/>
                      <a:gd name="connsiteX3" fmla="*/ 1343958 w 4521266"/>
                      <a:gd name="connsiteY3" fmla="*/ 7238 h 6892947"/>
                      <a:gd name="connsiteX4" fmla="*/ 4502794 w 4521266"/>
                      <a:gd name="connsiteY4" fmla="*/ 7238 h 6892947"/>
                      <a:gd name="connsiteX5" fmla="*/ 4521266 w 4521266"/>
                      <a:gd name="connsiteY5" fmla="*/ 6883710 h 6892947"/>
                      <a:gd name="connsiteX6" fmla="*/ 383087 w 4521266"/>
                      <a:gd name="connsiteY6" fmla="*/ 6892947 h 6892947"/>
                      <a:gd name="connsiteX7" fmla="*/ 4685 w 4521266"/>
                      <a:gd name="connsiteY7" fmla="*/ 1383456 h 6892947"/>
                      <a:gd name="connsiteX8" fmla="*/ 272252 w 4521266"/>
                      <a:gd name="connsiteY8" fmla="*/ 247383 h 6892947"/>
                      <a:gd name="connsiteX0" fmla="*/ 272252 w 4521266"/>
                      <a:gd name="connsiteY0" fmla="*/ 247383 h 6892947"/>
                      <a:gd name="connsiteX1" fmla="*/ 457267 w 4521266"/>
                      <a:gd name="connsiteY1" fmla="*/ 1143311 h 6892947"/>
                      <a:gd name="connsiteX2" fmla="*/ 1011448 w 4521266"/>
                      <a:gd name="connsiteY2" fmla="*/ 561420 h 6892947"/>
                      <a:gd name="connsiteX3" fmla="*/ 1343958 w 4521266"/>
                      <a:gd name="connsiteY3" fmla="*/ 7238 h 6892947"/>
                      <a:gd name="connsiteX4" fmla="*/ 4502794 w 4521266"/>
                      <a:gd name="connsiteY4" fmla="*/ 7238 h 6892947"/>
                      <a:gd name="connsiteX5" fmla="*/ 4521266 w 4521266"/>
                      <a:gd name="connsiteY5" fmla="*/ 6883710 h 6892947"/>
                      <a:gd name="connsiteX6" fmla="*/ 383087 w 4521266"/>
                      <a:gd name="connsiteY6" fmla="*/ 6892947 h 6892947"/>
                      <a:gd name="connsiteX7" fmla="*/ 4685 w 4521266"/>
                      <a:gd name="connsiteY7" fmla="*/ 1383456 h 6892947"/>
                      <a:gd name="connsiteX8" fmla="*/ 272252 w 4521266"/>
                      <a:gd name="connsiteY8" fmla="*/ 247383 h 6892947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</a:cxnLst>
                    <a:rect l="l" t="t" r="r" b="b"/>
                    <a:pathLst>
                      <a:path w="4521266" h="6892947">
                        <a:moveTo>
                          <a:pt x="272252" y="247383"/>
                        </a:moveTo>
                        <a:cubicBezTo>
                          <a:pt x="829514" y="253539"/>
                          <a:pt x="212358" y="801566"/>
                          <a:pt x="457267" y="1143311"/>
                        </a:cubicBezTo>
                        <a:cubicBezTo>
                          <a:pt x="580467" y="1247990"/>
                          <a:pt x="862127" y="758462"/>
                          <a:pt x="1011448" y="561420"/>
                        </a:cubicBezTo>
                        <a:cubicBezTo>
                          <a:pt x="1160769" y="364378"/>
                          <a:pt x="1380904" y="-60496"/>
                          <a:pt x="1343958" y="7238"/>
                        </a:cubicBezTo>
                        <a:lnTo>
                          <a:pt x="4502794" y="7238"/>
                        </a:lnTo>
                        <a:cubicBezTo>
                          <a:pt x="4508951" y="2299395"/>
                          <a:pt x="4515109" y="4591553"/>
                          <a:pt x="4521266" y="6883710"/>
                        </a:cubicBezTo>
                        <a:lnTo>
                          <a:pt x="383087" y="6892947"/>
                        </a:lnTo>
                        <a:cubicBezTo>
                          <a:pt x="220007" y="4840935"/>
                          <a:pt x="167765" y="3490886"/>
                          <a:pt x="4685" y="1383456"/>
                        </a:cubicBezTo>
                        <a:cubicBezTo>
                          <a:pt x="-13787" y="275862"/>
                          <a:pt x="12095" y="296644"/>
                          <a:pt x="272252" y="247383"/>
                        </a:cubicBezTo>
                        <a:close/>
                      </a:path>
                    </a:pathLst>
                  </a:custGeom>
                  <ask:type>
                    <ask:lineSketchCurved/>
                  </ask:type>
                </ask:lineSketchStyleProps>
              </a:ext>
            </a:extLst>
          </a:ln>
        </p:spPr>
        <p:txBody>
          <a:bodyPr tIns="216000" rtlCol="0" anchor="ctr" anchorCtr="0"/>
          <a:lstStyle>
            <a:lvl1pPr marL="0" indent="0" algn="ctr">
              <a:buNone/>
              <a:defRPr/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6409250" cy="1285875"/>
          </a:xfrm>
        </p:spPr>
        <p:txBody>
          <a:bodyPr rtlCol="0"/>
          <a:lstStyle/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9" y="2162340"/>
            <a:ext cx="6372080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en-gb"/>
              <a:t>Click to add text or content</a:t>
            </a:r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78789333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41499" y="-36945"/>
            <a:ext cx="3512215" cy="6922637"/>
          </a:xfrm>
          <a:custGeom>
            <a:avLst/>
            <a:gdLst>
              <a:gd name="connsiteX0" fmla="*/ 4 w 3394463"/>
              <a:gd name="connsiteY0" fmla="*/ 2619516 h 6858000"/>
              <a:gd name="connsiteX1" fmla="*/ 1697232 w 3394463"/>
              <a:gd name="connsiteY1" fmla="*/ 0 h 6858000"/>
              <a:gd name="connsiteX2" fmla="*/ 3394459 w 3394463"/>
              <a:gd name="connsiteY2" fmla="*/ 2619516 h 6858000"/>
              <a:gd name="connsiteX3" fmla="*/ 2746176 w 3394463"/>
              <a:gd name="connsiteY3" fmla="*/ 6857983 h 6858000"/>
              <a:gd name="connsiteX4" fmla="*/ 648287 w 3394463"/>
              <a:gd name="connsiteY4" fmla="*/ 6857983 h 6858000"/>
              <a:gd name="connsiteX5" fmla="*/ 4 w 3394463"/>
              <a:gd name="connsiteY5" fmla="*/ 2619516 h 6858000"/>
              <a:gd name="connsiteX0" fmla="*/ 0 w 3401954"/>
              <a:gd name="connsiteY0" fmla="*/ 2619516 h 6867219"/>
              <a:gd name="connsiteX1" fmla="*/ 1697228 w 3401954"/>
              <a:gd name="connsiteY1" fmla="*/ 0 h 6867219"/>
              <a:gd name="connsiteX2" fmla="*/ 3394455 w 3401954"/>
              <a:gd name="connsiteY2" fmla="*/ 2619516 h 6867219"/>
              <a:gd name="connsiteX3" fmla="*/ 3401954 w 3401954"/>
              <a:gd name="connsiteY3" fmla="*/ 6867219 h 6867219"/>
              <a:gd name="connsiteX4" fmla="*/ 648283 w 3401954"/>
              <a:gd name="connsiteY4" fmla="*/ 6857983 h 6867219"/>
              <a:gd name="connsiteX5" fmla="*/ 0 w 3401954"/>
              <a:gd name="connsiteY5" fmla="*/ 2619516 h 6867219"/>
              <a:gd name="connsiteX0" fmla="*/ 0 w 3404257"/>
              <a:gd name="connsiteY0" fmla="*/ 2623127 h 6870830"/>
              <a:gd name="connsiteX1" fmla="*/ 1697228 w 3404257"/>
              <a:gd name="connsiteY1" fmla="*/ 3611 h 6870830"/>
              <a:gd name="connsiteX2" fmla="*/ 3403691 w 3404257"/>
              <a:gd name="connsiteY2" fmla="*/ 0 h 6870830"/>
              <a:gd name="connsiteX3" fmla="*/ 3401954 w 3404257"/>
              <a:gd name="connsiteY3" fmla="*/ 6870830 h 6870830"/>
              <a:gd name="connsiteX4" fmla="*/ 648283 w 3404257"/>
              <a:gd name="connsiteY4" fmla="*/ 6861594 h 6870830"/>
              <a:gd name="connsiteX5" fmla="*/ 0 w 3404257"/>
              <a:gd name="connsiteY5" fmla="*/ 2623127 h 6870830"/>
              <a:gd name="connsiteX0" fmla="*/ 54239 w 3458496"/>
              <a:gd name="connsiteY0" fmla="*/ 2623127 h 6870830"/>
              <a:gd name="connsiteX1" fmla="*/ 1751467 w 3458496"/>
              <a:gd name="connsiteY1" fmla="*/ 3611 h 6870830"/>
              <a:gd name="connsiteX2" fmla="*/ 3457930 w 3458496"/>
              <a:gd name="connsiteY2" fmla="*/ 0 h 6870830"/>
              <a:gd name="connsiteX3" fmla="*/ 3456193 w 3458496"/>
              <a:gd name="connsiteY3" fmla="*/ 6870830 h 6870830"/>
              <a:gd name="connsiteX4" fmla="*/ 702522 w 3458496"/>
              <a:gd name="connsiteY4" fmla="*/ 6861594 h 6870830"/>
              <a:gd name="connsiteX5" fmla="*/ 54239 w 3458496"/>
              <a:gd name="connsiteY5" fmla="*/ 2623127 h 6870830"/>
              <a:gd name="connsiteX0" fmla="*/ 54239 w 3458496"/>
              <a:gd name="connsiteY0" fmla="*/ 2623127 h 6880067"/>
              <a:gd name="connsiteX1" fmla="*/ 1751467 w 3458496"/>
              <a:gd name="connsiteY1" fmla="*/ 3611 h 6880067"/>
              <a:gd name="connsiteX2" fmla="*/ 3457930 w 3458496"/>
              <a:gd name="connsiteY2" fmla="*/ 0 h 6880067"/>
              <a:gd name="connsiteX3" fmla="*/ 3456193 w 3458496"/>
              <a:gd name="connsiteY3" fmla="*/ 6870830 h 6880067"/>
              <a:gd name="connsiteX4" fmla="*/ 702522 w 3458496"/>
              <a:gd name="connsiteY4" fmla="*/ 6880067 h 6880067"/>
              <a:gd name="connsiteX5" fmla="*/ 54239 w 3458496"/>
              <a:gd name="connsiteY5" fmla="*/ 2623127 h 6880067"/>
              <a:gd name="connsiteX0" fmla="*/ 54239 w 3458196"/>
              <a:gd name="connsiteY0" fmla="*/ 2623127 h 6889303"/>
              <a:gd name="connsiteX1" fmla="*/ 1751467 w 3458196"/>
              <a:gd name="connsiteY1" fmla="*/ 3611 h 6889303"/>
              <a:gd name="connsiteX2" fmla="*/ 3457930 w 3458196"/>
              <a:gd name="connsiteY2" fmla="*/ 0 h 6889303"/>
              <a:gd name="connsiteX3" fmla="*/ 3446957 w 3458196"/>
              <a:gd name="connsiteY3" fmla="*/ 6889303 h 6889303"/>
              <a:gd name="connsiteX4" fmla="*/ 702522 w 3458196"/>
              <a:gd name="connsiteY4" fmla="*/ 6880067 h 6889303"/>
              <a:gd name="connsiteX5" fmla="*/ 54239 w 3458196"/>
              <a:gd name="connsiteY5" fmla="*/ 2623127 h 6889303"/>
              <a:gd name="connsiteX0" fmla="*/ 54239 w 3511611"/>
              <a:gd name="connsiteY0" fmla="*/ 2623127 h 6898539"/>
              <a:gd name="connsiteX1" fmla="*/ 1751467 w 3511611"/>
              <a:gd name="connsiteY1" fmla="*/ 3611 h 6898539"/>
              <a:gd name="connsiteX2" fmla="*/ 3457930 w 3511611"/>
              <a:gd name="connsiteY2" fmla="*/ 0 h 6898539"/>
              <a:gd name="connsiteX3" fmla="*/ 3511611 w 3511611"/>
              <a:gd name="connsiteY3" fmla="*/ 6898539 h 6898539"/>
              <a:gd name="connsiteX4" fmla="*/ 702522 w 3511611"/>
              <a:gd name="connsiteY4" fmla="*/ 6880067 h 6898539"/>
              <a:gd name="connsiteX5" fmla="*/ 54239 w 3511611"/>
              <a:gd name="connsiteY5" fmla="*/ 2623127 h 6898539"/>
              <a:gd name="connsiteX0" fmla="*/ 54239 w 3511611"/>
              <a:gd name="connsiteY0" fmla="*/ 2623127 h 6889303"/>
              <a:gd name="connsiteX1" fmla="*/ 1751467 w 3511611"/>
              <a:gd name="connsiteY1" fmla="*/ 3611 h 6889303"/>
              <a:gd name="connsiteX2" fmla="*/ 3457930 w 3511611"/>
              <a:gd name="connsiteY2" fmla="*/ 0 h 6889303"/>
              <a:gd name="connsiteX3" fmla="*/ 3511611 w 3511611"/>
              <a:gd name="connsiteY3" fmla="*/ 6889303 h 6889303"/>
              <a:gd name="connsiteX4" fmla="*/ 702522 w 3511611"/>
              <a:gd name="connsiteY4" fmla="*/ 6880067 h 6889303"/>
              <a:gd name="connsiteX5" fmla="*/ 54239 w 3511611"/>
              <a:gd name="connsiteY5" fmla="*/ 2623127 h 6889303"/>
              <a:gd name="connsiteX0" fmla="*/ 54239 w 3511611"/>
              <a:gd name="connsiteY0" fmla="*/ 2623127 h 6880067"/>
              <a:gd name="connsiteX1" fmla="*/ 1751467 w 3511611"/>
              <a:gd name="connsiteY1" fmla="*/ 3611 h 6880067"/>
              <a:gd name="connsiteX2" fmla="*/ 3457930 w 3511611"/>
              <a:gd name="connsiteY2" fmla="*/ 0 h 6880067"/>
              <a:gd name="connsiteX3" fmla="*/ 3511611 w 3511611"/>
              <a:gd name="connsiteY3" fmla="*/ 6861594 h 6880067"/>
              <a:gd name="connsiteX4" fmla="*/ 702522 w 3511611"/>
              <a:gd name="connsiteY4" fmla="*/ 6880067 h 6880067"/>
              <a:gd name="connsiteX5" fmla="*/ 54239 w 3511611"/>
              <a:gd name="connsiteY5" fmla="*/ 2623127 h 6880067"/>
              <a:gd name="connsiteX0" fmla="*/ 54239 w 3511611"/>
              <a:gd name="connsiteY0" fmla="*/ 2623127 h 6889303"/>
              <a:gd name="connsiteX1" fmla="*/ 1751467 w 3511611"/>
              <a:gd name="connsiteY1" fmla="*/ 3611 h 6889303"/>
              <a:gd name="connsiteX2" fmla="*/ 3457930 w 3511611"/>
              <a:gd name="connsiteY2" fmla="*/ 0 h 6889303"/>
              <a:gd name="connsiteX3" fmla="*/ 3511611 w 3511611"/>
              <a:gd name="connsiteY3" fmla="*/ 6889303 h 6889303"/>
              <a:gd name="connsiteX4" fmla="*/ 702522 w 3511611"/>
              <a:gd name="connsiteY4" fmla="*/ 6880067 h 6889303"/>
              <a:gd name="connsiteX5" fmla="*/ 54239 w 3511611"/>
              <a:gd name="connsiteY5" fmla="*/ 2623127 h 6889303"/>
              <a:gd name="connsiteX0" fmla="*/ 54843 w 3512215"/>
              <a:gd name="connsiteY0" fmla="*/ 2656461 h 6922637"/>
              <a:gd name="connsiteX1" fmla="*/ 1761307 w 3512215"/>
              <a:gd name="connsiteY1" fmla="*/ 0 h 6922637"/>
              <a:gd name="connsiteX2" fmla="*/ 3458534 w 3512215"/>
              <a:gd name="connsiteY2" fmla="*/ 33334 h 6922637"/>
              <a:gd name="connsiteX3" fmla="*/ 3512215 w 3512215"/>
              <a:gd name="connsiteY3" fmla="*/ 6922637 h 6922637"/>
              <a:gd name="connsiteX4" fmla="*/ 703126 w 3512215"/>
              <a:gd name="connsiteY4" fmla="*/ 6913401 h 6922637"/>
              <a:gd name="connsiteX5" fmla="*/ 54843 w 3512215"/>
              <a:gd name="connsiteY5" fmla="*/ 2656461 h 6922637"/>
              <a:gd name="connsiteX0" fmla="*/ 54843 w 3512215"/>
              <a:gd name="connsiteY0" fmla="*/ 2656461 h 6922637"/>
              <a:gd name="connsiteX1" fmla="*/ 1761307 w 3512215"/>
              <a:gd name="connsiteY1" fmla="*/ 0 h 6922637"/>
              <a:gd name="connsiteX2" fmla="*/ 3458534 w 3512215"/>
              <a:gd name="connsiteY2" fmla="*/ 5625 h 6922637"/>
              <a:gd name="connsiteX3" fmla="*/ 3512215 w 3512215"/>
              <a:gd name="connsiteY3" fmla="*/ 6922637 h 6922637"/>
              <a:gd name="connsiteX4" fmla="*/ 703126 w 3512215"/>
              <a:gd name="connsiteY4" fmla="*/ 6913401 h 6922637"/>
              <a:gd name="connsiteX5" fmla="*/ 54843 w 3512215"/>
              <a:gd name="connsiteY5" fmla="*/ 2656461 h 6922637"/>
              <a:gd name="connsiteX0" fmla="*/ 54843 w 3512215"/>
              <a:gd name="connsiteY0" fmla="*/ 2656461 h 6922637"/>
              <a:gd name="connsiteX1" fmla="*/ 1761307 w 3512215"/>
              <a:gd name="connsiteY1" fmla="*/ 0 h 6922637"/>
              <a:gd name="connsiteX2" fmla="*/ 3486243 w 3512215"/>
              <a:gd name="connsiteY2" fmla="*/ 5625 h 6922637"/>
              <a:gd name="connsiteX3" fmla="*/ 3512215 w 3512215"/>
              <a:gd name="connsiteY3" fmla="*/ 6922637 h 6922637"/>
              <a:gd name="connsiteX4" fmla="*/ 703126 w 3512215"/>
              <a:gd name="connsiteY4" fmla="*/ 6913401 h 6922637"/>
              <a:gd name="connsiteX5" fmla="*/ 54843 w 3512215"/>
              <a:gd name="connsiteY5" fmla="*/ 2656461 h 69226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3512215" h="6922637">
                <a:moveTo>
                  <a:pt x="54843" y="2656461"/>
                </a:moveTo>
                <a:cubicBezTo>
                  <a:pt x="231207" y="1504227"/>
                  <a:pt x="1194025" y="437188"/>
                  <a:pt x="1761307" y="0"/>
                </a:cubicBezTo>
                <a:lnTo>
                  <a:pt x="3486243" y="5625"/>
                </a:lnTo>
                <a:cubicBezTo>
                  <a:pt x="3488743" y="1421526"/>
                  <a:pt x="3509715" y="5506736"/>
                  <a:pt x="3512215" y="6922637"/>
                </a:cubicBezTo>
                <a:lnTo>
                  <a:pt x="703126" y="6913401"/>
                </a:lnTo>
                <a:cubicBezTo>
                  <a:pt x="136134" y="6205451"/>
                  <a:pt x="-121521" y="3808695"/>
                  <a:pt x="54843" y="2656461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96289920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Endslid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Tack!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09912766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 rtlCol="0"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360000" indent="-360000">
              <a:lnSpc>
                <a:spcPct val="98000"/>
              </a:lnSpc>
              <a:defRPr sz="2800"/>
            </a:lvl2pPr>
          </a:lstStyle>
          <a:p>
            <a:pPr lvl="0" rtl="0"/>
            <a:r>
              <a:rPr lang="en-gb"/>
              <a:t>Click to add intro text</a:t>
            </a:r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da-DK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da-DK"/>
              <a:t>Click to add tex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637917" y="-101355"/>
            <a:ext cx="5658692" cy="7069839"/>
          </a:xfrm>
          <a:custGeom>
            <a:avLst/>
            <a:gdLst>
              <a:gd name="connsiteX0" fmla="*/ 1667 w 10000"/>
              <a:gd name="connsiteY0" fmla="*/ 0 h 10000"/>
              <a:gd name="connsiteX1" fmla="*/ 10000 w 10000"/>
              <a:gd name="connsiteY1" fmla="*/ 0 h 10000"/>
              <a:gd name="connsiteX2" fmla="*/ 8333 w 10000"/>
              <a:gd name="connsiteY2" fmla="*/ 5000 h 10000"/>
              <a:gd name="connsiteX3" fmla="*/ 10000 w 10000"/>
              <a:gd name="connsiteY3" fmla="*/ 10000 h 10000"/>
              <a:gd name="connsiteX4" fmla="*/ 1667 w 10000"/>
              <a:gd name="connsiteY4" fmla="*/ 10000 h 10000"/>
              <a:gd name="connsiteX5" fmla="*/ 0 w 10000"/>
              <a:gd name="connsiteY5" fmla="*/ 5000 h 10000"/>
              <a:gd name="connsiteX6" fmla="*/ 1667 w 10000"/>
              <a:gd name="connsiteY6" fmla="*/ 0 h 10000"/>
              <a:gd name="connsiteX0" fmla="*/ 1667 w 11041"/>
              <a:gd name="connsiteY0" fmla="*/ 0 h 10000"/>
              <a:gd name="connsiteX1" fmla="*/ 10000 w 11041"/>
              <a:gd name="connsiteY1" fmla="*/ 0 h 10000"/>
              <a:gd name="connsiteX2" fmla="*/ 10000 w 11041"/>
              <a:gd name="connsiteY2" fmla="*/ 10000 h 10000"/>
              <a:gd name="connsiteX3" fmla="*/ 1667 w 11041"/>
              <a:gd name="connsiteY3" fmla="*/ 10000 h 10000"/>
              <a:gd name="connsiteX4" fmla="*/ 0 w 11041"/>
              <a:gd name="connsiteY4" fmla="*/ 5000 h 10000"/>
              <a:gd name="connsiteX5" fmla="*/ 1667 w 11041"/>
              <a:gd name="connsiteY5" fmla="*/ 0 h 10000"/>
              <a:gd name="connsiteX0" fmla="*/ 1667 w 10617"/>
              <a:gd name="connsiteY0" fmla="*/ 0 h 10000"/>
              <a:gd name="connsiteX1" fmla="*/ 10000 w 10617"/>
              <a:gd name="connsiteY1" fmla="*/ 0 h 10000"/>
              <a:gd name="connsiteX2" fmla="*/ 10000 w 10617"/>
              <a:gd name="connsiteY2" fmla="*/ 10000 h 10000"/>
              <a:gd name="connsiteX3" fmla="*/ 1667 w 10617"/>
              <a:gd name="connsiteY3" fmla="*/ 10000 h 10000"/>
              <a:gd name="connsiteX4" fmla="*/ 0 w 10617"/>
              <a:gd name="connsiteY4" fmla="*/ 5000 h 10000"/>
              <a:gd name="connsiteX5" fmla="*/ 1667 w 10617"/>
              <a:gd name="connsiteY5" fmla="*/ 0 h 10000"/>
              <a:gd name="connsiteX0" fmla="*/ 1667 w 10000"/>
              <a:gd name="connsiteY0" fmla="*/ 0 h 10000"/>
              <a:gd name="connsiteX1" fmla="*/ 10000 w 10000"/>
              <a:gd name="connsiteY1" fmla="*/ 0 h 10000"/>
              <a:gd name="connsiteX2" fmla="*/ 10000 w 10000"/>
              <a:gd name="connsiteY2" fmla="*/ 10000 h 10000"/>
              <a:gd name="connsiteX3" fmla="*/ 1667 w 10000"/>
              <a:gd name="connsiteY3" fmla="*/ 10000 h 10000"/>
              <a:gd name="connsiteX4" fmla="*/ 0 w 10000"/>
              <a:gd name="connsiteY4" fmla="*/ 5000 h 10000"/>
              <a:gd name="connsiteX5" fmla="*/ 1667 w 10000"/>
              <a:gd name="connsiteY5" fmla="*/ 0 h 10000"/>
              <a:gd name="connsiteX0" fmla="*/ 2681 w 10019"/>
              <a:gd name="connsiteY0" fmla="*/ 0 h 10026"/>
              <a:gd name="connsiteX1" fmla="*/ 10019 w 10019"/>
              <a:gd name="connsiteY1" fmla="*/ 26 h 10026"/>
              <a:gd name="connsiteX2" fmla="*/ 10019 w 10019"/>
              <a:gd name="connsiteY2" fmla="*/ 10026 h 10026"/>
              <a:gd name="connsiteX3" fmla="*/ 1686 w 10019"/>
              <a:gd name="connsiteY3" fmla="*/ 10026 h 10026"/>
              <a:gd name="connsiteX4" fmla="*/ 19 w 10019"/>
              <a:gd name="connsiteY4" fmla="*/ 5026 h 10026"/>
              <a:gd name="connsiteX5" fmla="*/ 2681 w 10019"/>
              <a:gd name="connsiteY5" fmla="*/ 0 h 10026"/>
              <a:gd name="connsiteX0" fmla="*/ 2663 w 10001"/>
              <a:gd name="connsiteY0" fmla="*/ 0 h 10065"/>
              <a:gd name="connsiteX1" fmla="*/ 10001 w 10001"/>
              <a:gd name="connsiteY1" fmla="*/ 26 h 10065"/>
              <a:gd name="connsiteX2" fmla="*/ 10001 w 10001"/>
              <a:gd name="connsiteY2" fmla="*/ 10026 h 10065"/>
              <a:gd name="connsiteX3" fmla="*/ 2426 w 10001"/>
              <a:gd name="connsiteY3" fmla="*/ 10065 h 10065"/>
              <a:gd name="connsiteX4" fmla="*/ 1 w 10001"/>
              <a:gd name="connsiteY4" fmla="*/ 5026 h 10065"/>
              <a:gd name="connsiteX5" fmla="*/ 2663 w 10001"/>
              <a:gd name="connsiteY5" fmla="*/ 0 h 10065"/>
              <a:gd name="connsiteX0" fmla="*/ 2238 w 9576"/>
              <a:gd name="connsiteY0" fmla="*/ 0 h 10065"/>
              <a:gd name="connsiteX1" fmla="*/ 9576 w 9576"/>
              <a:gd name="connsiteY1" fmla="*/ 26 h 10065"/>
              <a:gd name="connsiteX2" fmla="*/ 9576 w 9576"/>
              <a:gd name="connsiteY2" fmla="*/ 10026 h 10065"/>
              <a:gd name="connsiteX3" fmla="*/ 2001 w 9576"/>
              <a:gd name="connsiteY3" fmla="*/ 10065 h 10065"/>
              <a:gd name="connsiteX4" fmla="*/ 2 w 9576"/>
              <a:gd name="connsiteY4" fmla="*/ 4987 h 10065"/>
              <a:gd name="connsiteX5" fmla="*/ 2238 w 9576"/>
              <a:gd name="connsiteY5" fmla="*/ 0 h 10065"/>
              <a:gd name="connsiteX0" fmla="*/ 2973 w 10009"/>
              <a:gd name="connsiteY0" fmla="*/ 0 h 10000"/>
              <a:gd name="connsiteX1" fmla="*/ 10009 w 10009"/>
              <a:gd name="connsiteY1" fmla="*/ 26 h 10000"/>
              <a:gd name="connsiteX2" fmla="*/ 10009 w 10009"/>
              <a:gd name="connsiteY2" fmla="*/ 9961 h 10000"/>
              <a:gd name="connsiteX3" fmla="*/ 2099 w 10009"/>
              <a:gd name="connsiteY3" fmla="*/ 10000 h 10000"/>
              <a:gd name="connsiteX4" fmla="*/ 11 w 10009"/>
              <a:gd name="connsiteY4" fmla="*/ 4955 h 10000"/>
              <a:gd name="connsiteX5" fmla="*/ 2973 w 10009"/>
              <a:gd name="connsiteY5" fmla="*/ 0 h 10000"/>
              <a:gd name="connsiteX0" fmla="*/ 3067 w 10103"/>
              <a:gd name="connsiteY0" fmla="*/ 0 h 10000"/>
              <a:gd name="connsiteX1" fmla="*/ 10103 w 10103"/>
              <a:gd name="connsiteY1" fmla="*/ 26 h 10000"/>
              <a:gd name="connsiteX2" fmla="*/ 10103 w 10103"/>
              <a:gd name="connsiteY2" fmla="*/ 9961 h 10000"/>
              <a:gd name="connsiteX3" fmla="*/ 2193 w 10103"/>
              <a:gd name="connsiteY3" fmla="*/ 10000 h 10000"/>
              <a:gd name="connsiteX4" fmla="*/ 105 w 10103"/>
              <a:gd name="connsiteY4" fmla="*/ 4955 h 10000"/>
              <a:gd name="connsiteX5" fmla="*/ 3067 w 10103"/>
              <a:gd name="connsiteY5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103" h="10000">
                <a:moveTo>
                  <a:pt x="3067" y="0"/>
                </a:moveTo>
                <a:lnTo>
                  <a:pt x="10103" y="26"/>
                </a:lnTo>
                <a:lnTo>
                  <a:pt x="10103" y="9961"/>
                </a:lnTo>
                <a:lnTo>
                  <a:pt x="2193" y="10000"/>
                </a:lnTo>
                <a:cubicBezTo>
                  <a:pt x="1231" y="10000"/>
                  <a:pt x="-437" y="6988"/>
                  <a:pt x="105" y="4955"/>
                </a:cubicBezTo>
                <a:cubicBezTo>
                  <a:pt x="647" y="2922"/>
                  <a:pt x="2105" y="0"/>
                  <a:pt x="3067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vert="horz" lIns="0" tIns="226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da-DK" err="1"/>
              <a:t>Click</a:t>
            </a:r>
            <a:r>
              <a:rPr lang="da-DK"/>
              <a:t> </a:t>
            </a:r>
            <a:r>
              <a:rPr lang="da-DK" err="1"/>
              <a:t>here</a:t>
            </a:r>
            <a:r>
              <a:rPr lang="da-DK"/>
              <a:t>, and </a:t>
            </a:r>
            <a:r>
              <a:rPr lang="da-DK" err="1"/>
              <a:t>insert</a:t>
            </a:r>
            <a:r>
              <a:rPr lang="da-DK"/>
              <a:t> </a:t>
            </a:r>
            <a:r>
              <a:rPr lang="da-DK" err="1"/>
              <a:t>picture</a:t>
            </a:r>
            <a:r>
              <a:rPr lang="da-DK"/>
              <a:t> via Images-</a:t>
            </a:r>
            <a:r>
              <a:rPr lang="da-DK" err="1"/>
              <a:t>button</a:t>
            </a:r>
            <a:r>
              <a:rPr lang="da-DK"/>
              <a:t> in the </a:t>
            </a:r>
            <a:r>
              <a:rPr lang="da-DK" err="1"/>
              <a:t>ribbon</a:t>
            </a:r>
            <a:endParaRPr lang="da-DK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347523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en-gb"/>
              <a:t>Click to add text or conten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 rtlCol="0"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Use bold for highlighted text,</a:t>
            </a:r>
            <a:br>
              <a:rPr lang="en-GB"/>
            </a:br>
            <a:r>
              <a:rPr lang="en-gb"/>
              <a:t>other text regular, max four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4.xml"/><Relationship Id="rId13" Type="http://schemas.openxmlformats.org/officeDocument/2006/relationships/slideLayout" Target="../slideLayouts/slideLayout39.xml"/><Relationship Id="rId18" Type="http://schemas.openxmlformats.org/officeDocument/2006/relationships/slideLayout" Target="../slideLayouts/slideLayout44.xml"/><Relationship Id="rId26" Type="http://schemas.openxmlformats.org/officeDocument/2006/relationships/slideLayout" Target="../slideLayouts/slideLayout52.xml"/><Relationship Id="rId3" Type="http://schemas.openxmlformats.org/officeDocument/2006/relationships/slideLayout" Target="../slideLayouts/slideLayout29.xml"/><Relationship Id="rId21" Type="http://schemas.openxmlformats.org/officeDocument/2006/relationships/slideLayout" Target="../slideLayouts/slideLayout47.xml"/><Relationship Id="rId7" Type="http://schemas.openxmlformats.org/officeDocument/2006/relationships/slideLayout" Target="../slideLayouts/slideLayout33.xml"/><Relationship Id="rId12" Type="http://schemas.openxmlformats.org/officeDocument/2006/relationships/slideLayout" Target="../slideLayouts/slideLayout38.xml"/><Relationship Id="rId17" Type="http://schemas.openxmlformats.org/officeDocument/2006/relationships/slideLayout" Target="../slideLayouts/slideLayout43.xml"/><Relationship Id="rId25" Type="http://schemas.openxmlformats.org/officeDocument/2006/relationships/slideLayout" Target="../slideLayouts/slideLayout51.xml"/><Relationship Id="rId2" Type="http://schemas.openxmlformats.org/officeDocument/2006/relationships/slideLayout" Target="../slideLayouts/slideLayout28.xml"/><Relationship Id="rId16" Type="http://schemas.openxmlformats.org/officeDocument/2006/relationships/slideLayout" Target="../slideLayouts/slideLayout42.xml"/><Relationship Id="rId20" Type="http://schemas.openxmlformats.org/officeDocument/2006/relationships/slideLayout" Target="../slideLayouts/slideLayout46.xml"/><Relationship Id="rId1" Type="http://schemas.openxmlformats.org/officeDocument/2006/relationships/slideLayout" Target="../slideLayouts/slideLayout27.xml"/><Relationship Id="rId6" Type="http://schemas.openxmlformats.org/officeDocument/2006/relationships/slideLayout" Target="../slideLayouts/slideLayout32.xml"/><Relationship Id="rId11" Type="http://schemas.openxmlformats.org/officeDocument/2006/relationships/slideLayout" Target="../slideLayouts/slideLayout37.xml"/><Relationship Id="rId24" Type="http://schemas.openxmlformats.org/officeDocument/2006/relationships/slideLayout" Target="../slideLayouts/slideLayout50.xml"/><Relationship Id="rId5" Type="http://schemas.openxmlformats.org/officeDocument/2006/relationships/slideLayout" Target="../slideLayouts/slideLayout31.xml"/><Relationship Id="rId15" Type="http://schemas.openxmlformats.org/officeDocument/2006/relationships/slideLayout" Target="../slideLayouts/slideLayout41.xml"/><Relationship Id="rId23" Type="http://schemas.openxmlformats.org/officeDocument/2006/relationships/slideLayout" Target="../slideLayouts/slideLayout49.xml"/><Relationship Id="rId28" Type="http://schemas.openxmlformats.org/officeDocument/2006/relationships/theme" Target="../theme/theme2.xml"/><Relationship Id="rId10" Type="http://schemas.openxmlformats.org/officeDocument/2006/relationships/slideLayout" Target="../slideLayouts/slideLayout36.xml"/><Relationship Id="rId19" Type="http://schemas.openxmlformats.org/officeDocument/2006/relationships/slideLayout" Target="../slideLayouts/slideLayout45.xml"/><Relationship Id="rId4" Type="http://schemas.openxmlformats.org/officeDocument/2006/relationships/slideLayout" Target="../slideLayouts/slideLayout30.xml"/><Relationship Id="rId9" Type="http://schemas.openxmlformats.org/officeDocument/2006/relationships/slideLayout" Target="../slideLayouts/slideLayout35.xml"/><Relationship Id="rId14" Type="http://schemas.openxmlformats.org/officeDocument/2006/relationships/slideLayout" Target="../slideLayouts/slideLayout40.xml"/><Relationship Id="rId22" Type="http://schemas.openxmlformats.org/officeDocument/2006/relationships/slideLayout" Target="../slideLayouts/slideLayout48.xml"/><Relationship Id="rId27" Type="http://schemas.openxmlformats.org/officeDocument/2006/relationships/slideLayout" Target="../slideLayouts/slideLayout53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6.xml"/><Relationship Id="rId7" Type="http://schemas.openxmlformats.org/officeDocument/2006/relationships/theme" Target="../theme/theme3.xml"/><Relationship Id="rId2" Type="http://schemas.openxmlformats.org/officeDocument/2006/relationships/slideLayout" Target="../slideLayouts/slideLayout55.xml"/><Relationship Id="rId1" Type="http://schemas.openxmlformats.org/officeDocument/2006/relationships/slideLayout" Target="../slideLayouts/slideLayout54.xml"/><Relationship Id="rId6" Type="http://schemas.openxmlformats.org/officeDocument/2006/relationships/slideLayout" Target="../slideLayouts/slideLayout59.xml"/><Relationship Id="rId5" Type="http://schemas.openxmlformats.org/officeDocument/2006/relationships/slideLayout" Target="../slideLayouts/slideLayout58.xml"/><Relationship Id="rId4" Type="http://schemas.openxmlformats.org/officeDocument/2006/relationships/slideLayout" Target="../slideLayouts/slideLayout57.xml"/></Relationships>
</file>

<file path=ppt/slideMasters/_rels/slideMaster4.xml.rels><?xml version="1.0" encoding="UTF-8" standalone="yes"?>
<Relationships xmlns="http://schemas.openxmlformats.org/package/2006/relationships"><Relationship Id="rId2" Type="http://schemas.openxmlformats.org/officeDocument/2006/relationships/theme" Target="../theme/theme4.xml"/><Relationship Id="rId1" Type="http://schemas.openxmlformats.org/officeDocument/2006/relationships/slideLayout" Target="../slideLayouts/slideLayout6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en-gb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  <a:p>
            <a:pPr lvl="5" rtl="0"/>
            <a:r>
              <a:rPr lang="en-gb"/>
              <a:t>Sixth level</a:t>
            </a:r>
          </a:p>
          <a:p>
            <a:pPr lvl="6" rtl="0"/>
            <a:r>
              <a:rPr lang="en-gb"/>
              <a:t>Seventh level</a:t>
            </a:r>
          </a:p>
          <a:p>
            <a:pPr lvl="7" rtl="0"/>
            <a:r>
              <a:rPr lang="en-gb"/>
              <a:t>Eight level</a:t>
            </a:r>
          </a:p>
          <a:p>
            <a:pPr lvl="8" rtl="0"/>
            <a:r>
              <a:rPr lang="en-gb"/>
              <a:t>Night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pPr rtl="0"/>
            <a:r>
              <a:rPr lang="en-FI"/>
              <a:t>04/17/2025 06:19</a:t>
            </a:r>
            <a:endParaRPr lang="da-DK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63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56" r:id="rId12"/>
    <p:sldLayoutId id="2147483650" r:id="rId13"/>
    <p:sldLayoutId id="2147483673" r:id="rId14"/>
    <p:sldLayoutId id="2147483667" r:id="rId15"/>
    <p:sldLayoutId id="2147483660" r:id="rId16"/>
    <p:sldLayoutId id="2147483657" r:id="rId17"/>
    <p:sldLayoutId id="2147483651" r:id="rId18"/>
    <p:sldLayoutId id="2147483670" r:id="rId19"/>
    <p:sldLayoutId id="2147483661" r:id="rId20"/>
    <p:sldLayoutId id="2147483654" r:id="rId21"/>
    <p:sldLayoutId id="2147483674" r:id="rId22"/>
    <p:sldLayoutId id="2147483668" r:id="rId23"/>
    <p:sldLayoutId id="2147483665" r:id="rId24"/>
    <p:sldLayoutId id="2147483658" r:id="rId25"/>
    <p:sldLayoutId id="2147483652" r:id="rId26"/>
  </p:sldLayoutIdLst>
  <p:hf sldNum="0" hdr="0" ftr="0" dt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en-gb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  <a:p>
            <a:pPr lvl="5" rtl="0"/>
            <a:r>
              <a:rPr lang="en-gb"/>
              <a:t>Sixth level</a:t>
            </a:r>
          </a:p>
          <a:p>
            <a:pPr lvl="6" rtl="0"/>
            <a:r>
              <a:rPr lang="en-gb"/>
              <a:t>Seventh level</a:t>
            </a:r>
          </a:p>
          <a:p>
            <a:pPr lvl="7" rtl="0"/>
            <a:r>
              <a:rPr lang="en-gb"/>
              <a:t>Eight level</a:t>
            </a:r>
          </a:p>
          <a:p>
            <a:pPr lvl="8" rtl="0"/>
            <a:r>
              <a:rPr lang="en-gb"/>
              <a:t>Night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pPr rtl="0"/>
            <a:r>
              <a:rPr lang="en-gb"/>
              <a:t>23-11-201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927767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677" r:id="rId2"/>
    <p:sldLayoutId id="2147483678" r:id="rId3"/>
    <p:sldLayoutId id="2147483679" r:id="rId4"/>
    <p:sldLayoutId id="2147483680" r:id="rId5"/>
    <p:sldLayoutId id="2147483681" r:id="rId6"/>
    <p:sldLayoutId id="2147483682" r:id="rId7"/>
    <p:sldLayoutId id="2147483683" r:id="rId8"/>
    <p:sldLayoutId id="2147483684" r:id="rId9"/>
    <p:sldLayoutId id="2147483685" r:id="rId10"/>
    <p:sldLayoutId id="2147483686" r:id="rId11"/>
    <p:sldLayoutId id="2147483687" r:id="rId12"/>
    <p:sldLayoutId id="2147483688" r:id="rId13"/>
    <p:sldLayoutId id="2147483689" r:id="rId14"/>
    <p:sldLayoutId id="2147483690" r:id="rId15"/>
    <p:sldLayoutId id="2147483691" r:id="rId16"/>
    <p:sldLayoutId id="2147483692" r:id="rId17"/>
    <p:sldLayoutId id="2147483693" r:id="rId18"/>
    <p:sldLayoutId id="2147483746" r:id="rId19"/>
    <p:sldLayoutId id="2147483695" r:id="rId20"/>
    <p:sldLayoutId id="2147483696" r:id="rId21"/>
    <p:sldLayoutId id="2147483697" r:id="rId22"/>
    <p:sldLayoutId id="2147483698" r:id="rId23"/>
    <p:sldLayoutId id="2147483699" r:id="rId24"/>
    <p:sldLayoutId id="2147483700" r:id="rId25"/>
    <p:sldLayoutId id="2147483701" r:id="rId26"/>
    <p:sldLayoutId id="2147483702" r:id="rId27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>
          <p15:clr>
            <a:srgbClr val="F26B43"/>
          </p15:clr>
        </p15:guide>
        <p15:guide id="2" pos="2138">
          <p15:clr>
            <a:srgbClr val="F26B43"/>
          </p15:clr>
        </p15:guide>
        <p15:guide id="3" orient="horz" pos="253">
          <p15:clr>
            <a:srgbClr val="F26B43"/>
          </p15:clr>
        </p15:guide>
        <p15:guide id="4" orient="horz" pos="888">
          <p15:clr>
            <a:srgbClr val="F26B43"/>
          </p15:clr>
        </p15:guide>
        <p15:guide id="5" pos="3839">
          <p15:clr>
            <a:srgbClr val="F26B43"/>
          </p15:clr>
        </p15:guide>
        <p15:guide id="6" pos="5540">
          <p15:clr>
            <a:srgbClr val="F26B43"/>
          </p15:clr>
        </p15:guide>
        <p15:guide id="7" orient="horz" pos="1523">
          <p15:clr>
            <a:srgbClr val="F26B43"/>
          </p15:clr>
        </p15:guide>
        <p15:guide id="8" orient="horz" pos="2158">
          <p15:clr>
            <a:srgbClr val="F26B43"/>
          </p15:clr>
        </p15:guide>
        <p15:guide id="9" pos="7240">
          <p15:clr>
            <a:srgbClr val="F26B43"/>
          </p15:clr>
        </p15:guide>
        <p15:guide id="10" orient="horz" pos="2793">
          <p15:clr>
            <a:srgbClr val="F26B43"/>
          </p15:clr>
        </p15:guide>
        <p15:guide id="11" orient="horz" pos="3428">
          <p15:clr>
            <a:srgbClr val="F26B43"/>
          </p15:clr>
        </p15:guide>
        <p15:guide id="13" orient="horz" pos="4063">
          <p15:clr>
            <a:srgbClr val="F26B43"/>
          </p15:clr>
        </p15:guide>
        <p15:guide id="14" orient="horz" pos="3748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en-gb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  <a:p>
            <a:pPr lvl="5" rtl="0"/>
            <a:r>
              <a:rPr lang="en-gb"/>
              <a:t>Sixth level</a:t>
            </a:r>
          </a:p>
          <a:p>
            <a:pPr lvl="6" rtl="0"/>
            <a:r>
              <a:rPr lang="en-gb"/>
              <a:t>Seventh level</a:t>
            </a:r>
          </a:p>
          <a:p>
            <a:pPr lvl="7" rtl="0"/>
            <a:r>
              <a:rPr lang="en-gb"/>
              <a:t>Eight level</a:t>
            </a:r>
          </a:p>
          <a:p>
            <a:pPr lvl="8" rtl="0"/>
            <a:r>
              <a:rPr lang="en-gb"/>
              <a:t>Night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pPr rtl="0"/>
            <a:r>
              <a:rPr lang="en-FI"/>
              <a:t>05/06/2023 17.57</a:t>
            </a:r>
            <a:endParaRPr lang="da-DK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pPr rtl="0"/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/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1" r:id="rId1"/>
    <p:sldLayoutId id="2147483742" r:id="rId2"/>
    <p:sldLayoutId id="2147483747" r:id="rId3"/>
    <p:sldLayoutId id="2147483748" r:id="rId4"/>
    <p:sldLayoutId id="2147483749" r:id="rId5"/>
    <p:sldLayoutId id="2147483750" r:id="rId6"/>
  </p:sldLayoutIdLst>
  <p:hf sldNum="0" hdr="0" ftr="0" dt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  <a:p>
            <a:pPr lvl="5"/>
            <a:r>
              <a:rPr lang="da-DK"/>
              <a:t>Sixth level</a:t>
            </a:r>
          </a:p>
          <a:p>
            <a:pPr lvl="6"/>
            <a:r>
              <a:rPr lang="da-DK"/>
              <a:t>Seventh level</a:t>
            </a:r>
          </a:p>
          <a:p>
            <a:pPr lvl="7"/>
            <a:r>
              <a:rPr lang="da-DK"/>
              <a:t>Eight level</a:t>
            </a:r>
          </a:p>
          <a:p>
            <a:pPr lvl="8"/>
            <a:r>
              <a:rPr lang="da-DK"/>
              <a:t>Night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r>
              <a:rPr lang="da-DK"/>
              <a:t>23-11-201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9538725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>
          <p15:clr>
            <a:srgbClr val="F26B43"/>
          </p15:clr>
        </p15:guide>
        <p15:guide id="2" pos="2138">
          <p15:clr>
            <a:srgbClr val="F26B43"/>
          </p15:clr>
        </p15:guide>
        <p15:guide id="3" orient="horz" pos="253">
          <p15:clr>
            <a:srgbClr val="F26B43"/>
          </p15:clr>
        </p15:guide>
        <p15:guide id="4" orient="horz" pos="888">
          <p15:clr>
            <a:srgbClr val="F26B43"/>
          </p15:clr>
        </p15:guide>
        <p15:guide id="5" pos="3839">
          <p15:clr>
            <a:srgbClr val="F26B43"/>
          </p15:clr>
        </p15:guide>
        <p15:guide id="6" pos="5540">
          <p15:clr>
            <a:srgbClr val="F26B43"/>
          </p15:clr>
        </p15:guide>
        <p15:guide id="7" orient="horz" pos="1523">
          <p15:clr>
            <a:srgbClr val="F26B43"/>
          </p15:clr>
        </p15:guide>
        <p15:guide id="8" orient="horz" pos="2158">
          <p15:clr>
            <a:srgbClr val="F26B43"/>
          </p15:clr>
        </p15:guide>
        <p15:guide id="9" pos="7240">
          <p15:clr>
            <a:srgbClr val="F26B43"/>
          </p15:clr>
        </p15:guide>
        <p15:guide id="10" orient="horz" pos="2793">
          <p15:clr>
            <a:srgbClr val="F26B43"/>
          </p15:clr>
        </p15:guide>
        <p15:guide id="11" orient="horz" pos="3428">
          <p15:clr>
            <a:srgbClr val="F26B43"/>
          </p15:clr>
        </p15:guide>
        <p15:guide id="13" orient="horz" pos="4063">
          <p15:clr>
            <a:srgbClr val="F26B43"/>
          </p15:clr>
        </p15:guide>
        <p15:guide id="14" orient="horz" pos="374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6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Relationship Id="rId5" Type="http://schemas.openxmlformats.org/officeDocument/2006/relationships/image" Target="../media/image28.png"/><Relationship Id="rId4" Type="http://schemas.openxmlformats.org/officeDocument/2006/relationships/image" Target="../media/image2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5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54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eg"/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58.xml"/><Relationship Id="rId6" Type="http://schemas.openxmlformats.org/officeDocument/2006/relationships/image" Target="../media/image36.jpeg"/><Relationship Id="rId5" Type="http://schemas.openxmlformats.org/officeDocument/2006/relationships/image" Target="../media/image35.jpeg"/><Relationship Id="rId4" Type="http://schemas.openxmlformats.org/officeDocument/2006/relationships/image" Target="../media/image34.jpe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norden.org/en/information/vision-2030-nordic-region-will-become-most-sustainable-and-integrated-region-world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6.xml"/><Relationship Id="rId6" Type="http://schemas.openxmlformats.org/officeDocument/2006/relationships/image" Target="../media/image21.jpeg"/><Relationship Id="rId5" Type="http://schemas.openxmlformats.org/officeDocument/2006/relationships/hyperlink" Target="https://pub.norden.org/politiknord2020-719/" TargetMode="External"/><Relationship Id="rId4" Type="http://schemas.openxmlformats.org/officeDocument/2006/relationships/hyperlink" Target="https://pub.norden.org/politiknord2024-737/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.xml"/><Relationship Id="rId5" Type="http://schemas.openxmlformats.org/officeDocument/2006/relationships/image" Target="../media/image26.png"/><Relationship Id="rId4" Type="http://schemas.openxmlformats.org/officeDocument/2006/relationships/image" Target="../media/image2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Relationship Id="rId5" Type="http://schemas.openxmlformats.org/officeDocument/2006/relationships/image" Target="../media/image27.png"/><Relationship Id="rId4" Type="http://schemas.openxmlformats.org/officeDocument/2006/relationships/image" Target="../media/image2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5" Type="http://schemas.openxmlformats.org/officeDocument/2006/relationships/image" Target="../media/image27.png"/><Relationship Id="rId4" Type="http://schemas.openxmlformats.org/officeDocument/2006/relationships/image" Target="../media/image2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5190050" cy="1285875"/>
          </a:xfrm>
        </p:spPr>
        <p:txBody>
          <a:bodyPr rtlCol="0"/>
          <a:lstStyle/>
          <a:p>
            <a:pPr rtl="0"/>
            <a:r>
              <a:rPr lang="et-EE" dirty="0"/>
              <a:t>Millega tegeleb?</a:t>
            </a:r>
            <a:endParaRPr lang="sv-FI" dirty="0"/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6"/>
          </p:nvPr>
        </p:nvSpPr>
        <p:spPr/>
        <p:txBody>
          <a:bodyPr rtlCol="0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00" b="0" i="0" u="none" strike="noStrike" kern="1200" cap="none" spc="0" normalizeH="0" noProof="0">
                <a:ln>
                  <a:noFill/>
                </a:ln>
                <a:noFill/>
                <a:effectLst/>
                <a:uLnTx/>
                <a:uFillTx/>
                <a:latin typeface="Corbel"/>
                <a:ea typeface="+mn-ea"/>
                <a:cs typeface="+mn-cs"/>
              </a:rPr>
              <a:t>23 November 2016</a:t>
            </a:r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5D37B1E-C366-494F-A587-962AD9AABC83}" type="slidenum">
              <a:rPr kumimoji="0" lang="da-DK" sz="950" b="0" i="0" u="none" strike="noStrike" kern="1200" cap="none" spc="0" normalizeH="0" baseline="0" noProof="0" smtClean="0">
                <a:ln>
                  <a:noFill/>
                </a:ln>
                <a:solidFill>
                  <a:srgbClr val="006EB6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da-DK" sz="950" b="0" i="0" u="none" strike="noStrike" kern="1200" cap="none" spc="0" normalizeH="0" baseline="0" noProof="0">
              <a:ln>
                <a:noFill/>
              </a:ln>
              <a:solidFill>
                <a:srgbClr val="006EB6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C27AAD1-0183-3131-9CFE-4AE70860741A}"/>
              </a:ext>
            </a:extLst>
          </p:cNvPr>
          <p:cNvSpPr txBox="1"/>
          <p:nvPr/>
        </p:nvSpPr>
        <p:spPr>
          <a:xfrm>
            <a:off x="1644072" y="720437"/>
            <a:ext cx="9849425" cy="286232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t-EE" sz="6000" dirty="0">
                <a:solidFill>
                  <a:schemeClr val="bg1"/>
                </a:solidFill>
              </a:rPr>
              <a:t>Põhjamaade kultuuripunkt</a:t>
            </a:r>
            <a:br>
              <a:rPr lang="da-DK" sz="6000" dirty="0"/>
            </a:br>
            <a:r>
              <a:rPr lang="et-EE" sz="6000" dirty="0">
                <a:solidFill>
                  <a:schemeClr val="accent3">
                    <a:lumMod val="90000"/>
                  </a:schemeClr>
                </a:solidFill>
              </a:rPr>
              <a:t>Nordisk </a:t>
            </a:r>
            <a:r>
              <a:rPr lang="et-EE" sz="6000" dirty="0" err="1">
                <a:solidFill>
                  <a:schemeClr val="accent3">
                    <a:lumMod val="90000"/>
                  </a:schemeClr>
                </a:solidFill>
              </a:rPr>
              <a:t>kulturkontakt</a:t>
            </a:r>
            <a:br>
              <a:rPr lang="da-DK" sz="6000" dirty="0"/>
            </a:br>
            <a:r>
              <a:rPr lang="en-gb" sz="6000" dirty="0">
                <a:solidFill>
                  <a:schemeClr val="accent2">
                    <a:lumMod val="60000"/>
                    <a:lumOff val="40000"/>
                  </a:schemeClr>
                </a:solidFill>
              </a:rPr>
              <a:t>Nordic Culture Point</a:t>
            </a:r>
            <a:endParaRPr lang="et-EE" sz="6000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3BD6AEE6-3EF6-4640-77FD-BABE6B5316B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573" y="5805923"/>
            <a:ext cx="3071091" cy="8295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803418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objekt 6">
            <a:extLst>
              <a:ext uri="{FF2B5EF4-FFF2-40B4-BE49-F238E27FC236}">
                <a16:creationId xmlns:a16="http://schemas.microsoft.com/office/drawing/2014/main" id="{09F86902-F707-0F36-80A1-36AE84D52FC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013525"/>
            <a:ext cx="11100122" cy="4805869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2083" y="371664"/>
            <a:ext cx="10836932" cy="1285875"/>
          </a:xfrm>
        </p:spPr>
        <p:txBody>
          <a:bodyPr rtlCol="0"/>
          <a:lstStyle/>
          <a:p>
            <a:pPr rtl="0"/>
            <a:r>
              <a:rPr lang="et-EE" dirty="0"/>
              <a:t>Loomeresidentuuride toetused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2083" y="1655724"/>
            <a:ext cx="9804580" cy="43733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 rtl="0">
              <a:buNone/>
            </a:pPr>
            <a:r>
              <a:rPr lang="et-EE" sz="2400" dirty="0">
                <a:solidFill>
                  <a:schemeClr val="accent3">
                    <a:lumMod val="50000"/>
                  </a:schemeClr>
                </a:solidFill>
              </a:rPr>
              <a:t>Toetus annab Põhja- ja Baltimaade residentuuridele võimaluse kutsuda vähemalt kaks loomeinimest teistest regiooni riikidest, et praktiseerida loometööd ja luua kontakte Põhja- ja Baltimaades. </a:t>
            </a:r>
          </a:p>
          <a:p>
            <a:pPr marL="0" indent="0" rtl="0">
              <a:buNone/>
            </a:pPr>
            <a:endParaRPr lang="sv-SE" sz="2400" dirty="0">
              <a:solidFill>
                <a:schemeClr val="accent3">
                  <a:lumMod val="50000"/>
                </a:schemeClr>
              </a:solidFill>
            </a:endParaRPr>
          </a:p>
          <a:p>
            <a:pPr rtl="0"/>
            <a:r>
              <a:rPr lang="et-EE" sz="2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ähemalt üks aasta tõendatud kogemust loomeresidentuuride korraldamisega </a:t>
            </a:r>
          </a:p>
          <a:p>
            <a:pPr rtl="0"/>
            <a:r>
              <a:rPr lang="et-EE" sz="24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õimekus toetada loomeinimese tööd</a:t>
            </a:r>
            <a:endParaRPr lang="en-gb" sz="24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r>
              <a:rPr lang="et-EE" sz="24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õimekus pakkuda residentuurikohta korraga mitmele loomeinimesele</a:t>
            </a:r>
          </a:p>
          <a:p>
            <a:pPr rtl="0"/>
            <a:r>
              <a:rPr lang="et-EE" sz="24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Koostöö kohaliku kunsti- ja kultuurivaldkonnaga </a:t>
            </a:r>
          </a:p>
          <a:p>
            <a:pPr marL="0" indent="0" rtl="0">
              <a:buNone/>
            </a:pPr>
            <a:endParaRPr lang="en-gb" sz="2400" b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r>
              <a:rPr lang="et-EE" sz="2400" dirty="0">
                <a:solidFill>
                  <a:schemeClr val="accent3">
                    <a:lumMod val="50000"/>
                  </a:schemeClr>
                </a:solidFill>
              </a:rPr>
              <a:t>Kuni </a:t>
            </a:r>
            <a:r>
              <a:rPr lang="en-gb" sz="2400" dirty="0">
                <a:solidFill>
                  <a:schemeClr val="accent3">
                    <a:lumMod val="50000"/>
                  </a:schemeClr>
                </a:solidFill>
              </a:rPr>
              <a:t>50,000 </a:t>
            </a:r>
            <a:r>
              <a:rPr lang="et-EE" sz="2400" dirty="0">
                <a:solidFill>
                  <a:schemeClr val="accent3">
                    <a:lumMod val="50000"/>
                  </a:schemeClr>
                </a:solidFill>
              </a:rPr>
              <a:t>EUR toetust, kuid ei saa olla ainus rahastusallikas</a:t>
            </a:r>
          </a:p>
          <a:p>
            <a:pPr rtl="0"/>
            <a:r>
              <a:rPr lang="et-EE" sz="2400" dirty="0">
                <a:solidFill>
                  <a:schemeClr val="accent3">
                    <a:lumMod val="50000"/>
                  </a:schemeClr>
                </a:solidFill>
              </a:rPr>
              <a:t>Taotlemine kord aastas (kevadel)</a:t>
            </a:r>
            <a:endParaRPr lang="en-gb" sz="2400" dirty="0">
              <a:solidFill>
                <a:schemeClr val="accent3">
                  <a:lumMod val="50000"/>
                </a:schemeClr>
              </a:solidFill>
            </a:endParaRPr>
          </a:p>
          <a:p>
            <a:pPr marL="0" indent="0" rtl="0">
              <a:buNone/>
            </a:pPr>
            <a:endParaRPr lang="sv-SE" sz="2400" dirty="0">
              <a:solidFill>
                <a:schemeClr val="accent3">
                  <a:lumMod val="50000"/>
                </a:schemeClr>
              </a:solidFill>
            </a:endParaRPr>
          </a:p>
        </p:txBody>
      </p:sp>
      <p:sp>
        <p:nvSpPr>
          <p:cNvPr id="5" name="Rektangel 4"/>
          <p:cNvSpPr/>
          <p:nvPr/>
        </p:nvSpPr>
        <p:spPr>
          <a:xfrm>
            <a:off x="7280366" y="644531"/>
            <a:ext cx="4804404" cy="369332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rtl="0"/>
            <a:endParaRPr lang="da-DK" i="1">
              <a:solidFill>
                <a:schemeClr val="accent2"/>
              </a:solidFill>
            </a:endParaRPr>
          </a:p>
        </p:txBody>
      </p:sp>
      <p:pic>
        <p:nvPicPr>
          <p:cNvPr id="6" name="Bildobjekt 5" descr="En bild som visar mönster, pixel, design&#10;&#10;AI-genererat innehåll kan vara felaktigt.">
            <a:extLst>
              <a:ext uri="{FF2B5EF4-FFF2-40B4-BE49-F238E27FC236}">
                <a16:creationId xmlns:a16="http://schemas.microsoft.com/office/drawing/2014/main" id="{7B208562-A2B2-7419-3264-25F6C3DDD3EE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84101" y="990551"/>
            <a:ext cx="953945" cy="95394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1244529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2509520-2FD5-7B9C-B9F8-BD826606C7D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latshållare för bild 12" descr="En bild som visar utomhus, moln, himmel, sjö&#10;&#10;AI-genererat innehåll kan vara felaktigt.">
            <a:extLst>
              <a:ext uri="{FF2B5EF4-FFF2-40B4-BE49-F238E27FC236}">
                <a16:creationId xmlns:a16="http://schemas.microsoft.com/office/drawing/2014/main" id="{C3FC778A-ADF4-38E2-6B53-B5CBB9F4E681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204" r="17204"/>
          <a:stretch/>
        </p:blipFill>
        <p:spPr/>
      </p:pic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36C9B72-ED9D-0D65-B1CC-538FA3CA06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00" b="0" i="0" u="none" strike="noStrike" kern="1200" cap="none" spc="0" normalizeH="0" noProof="0">
                <a:ln>
                  <a:noFill/>
                </a:ln>
                <a:noFill/>
                <a:effectLst/>
                <a:uLnTx/>
                <a:uFillTx/>
                <a:latin typeface="Corbel"/>
                <a:ea typeface="+mn-ea"/>
                <a:cs typeface="+mn-cs"/>
              </a:rPr>
              <a:t>23 November 2016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0C812BB2-DD4A-1C9A-EC41-18D87584F2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5D37B1E-C366-494F-A587-962AD9AABC83}" type="slidenum">
              <a:rPr kumimoji="0" lang="da-DK" sz="950" b="0" i="0" u="none" strike="noStrike" kern="1200" cap="none" spc="0" normalizeH="0" baseline="0" noProof="0" smtClean="0">
                <a:ln>
                  <a:noFill/>
                </a:ln>
                <a:solidFill>
                  <a:srgbClr val="006EB6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da-DK" sz="950" b="0" i="0" u="none" strike="noStrike" kern="1200" cap="none" spc="0" normalizeH="0" baseline="0" noProof="0">
              <a:ln>
                <a:noFill/>
              </a:ln>
              <a:solidFill>
                <a:srgbClr val="006EB6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10" name="Rubrik 1">
            <a:extLst>
              <a:ext uri="{FF2B5EF4-FFF2-40B4-BE49-F238E27FC236}">
                <a16:creationId xmlns:a16="http://schemas.microsoft.com/office/drawing/2014/main" id="{211B2D49-F110-9EA9-3D6D-B81E0846E9C5}"/>
              </a:ext>
            </a:extLst>
          </p:cNvPr>
          <p:cNvSpPr txBox="1">
            <a:spLocks/>
          </p:cNvSpPr>
          <p:nvPr/>
        </p:nvSpPr>
        <p:spPr>
          <a:xfrm>
            <a:off x="1076079" y="989556"/>
            <a:ext cx="5493533" cy="437435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4800" b="1" kern="1200">
                <a:solidFill>
                  <a:srgbClr val="006EB6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7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t-EE" b="1" u="none" strike="noStrike" kern="1200" cap="none" spc="0" normalizeH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+mj-cs"/>
              </a:rPr>
              <a:t>Kultuuri- ja kunstiprogramm</a:t>
            </a:r>
            <a:endParaRPr lang="en-gb" b="1" u="none" strike="noStrike" kern="1200" cap="none" spc="0" normalizeH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orbel" panose="020B0503020204020204" pitchFamily="34" charset="0"/>
              <a:ea typeface="+mj-ea"/>
              <a:cs typeface="+mj-cs"/>
            </a:endParaRPr>
          </a:p>
          <a:p>
            <a:pPr marL="0" marR="0" lvl="0" indent="0" algn="l" defTabSz="914400" rtl="0" eaLnBrk="1" fontAlgn="auto" latinLnBrk="0" hangingPunct="1">
              <a:lnSpc>
                <a:spcPct val="87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sv-SE" sz="4400" i="1" dirty="0">
              <a:solidFill>
                <a:srgbClr val="385988"/>
              </a:solidFill>
              <a:latin typeface="Corbel" panose="020B0503020204020204" pitchFamily="34" charset="0"/>
            </a:endParaRPr>
          </a:p>
          <a:p>
            <a:pPr rtl="0"/>
            <a:r>
              <a:rPr lang="en-GB" sz="2600" b="0" i="1" dirty="0" err="1"/>
              <a:t>Kultuuri</a:t>
            </a:r>
            <a:r>
              <a:rPr lang="en-GB" sz="2600" b="0" i="1" dirty="0"/>
              <a:t>- </a:t>
            </a:r>
            <a:r>
              <a:rPr lang="en-GB" sz="2600" b="0" i="1" dirty="0" err="1"/>
              <a:t>ja</a:t>
            </a:r>
            <a:r>
              <a:rPr lang="en-GB" sz="2600" b="0" i="1" dirty="0"/>
              <a:t> </a:t>
            </a:r>
            <a:r>
              <a:rPr lang="en-GB" sz="2600" b="0" i="1" dirty="0" err="1"/>
              <a:t>kunstiprogramm</a:t>
            </a:r>
            <a:r>
              <a:rPr lang="en-GB" sz="2600" b="0" i="1" dirty="0"/>
              <a:t> </a:t>
            </a:r>
            <a:r>
              <a:rPr lang="en-GB" sz="2600" b="0" i="1" dirty="0" err="1"/>
              <a:t>rahastab</a:t>
            </a:r>
            <a:r>
              <a:rPr lang="en-GB" sz="2600" b="0" i="1" dirty="0"/>
              <a:t> </a:t>
            </a:r>
            <a:r>
              <a:rPr lang="en-GB" sz="2600" b="0" i="1" dirty="0" err="1"/>
              <a:t>Põhjamaade</a:t>
            </a:r>
            <a:r>
              <a:rPr lang="en-GB" sz="2600" b="0" i="1" dirty="0"/>
              <a:t> </a:t>
            </a:r>
            <a:r>
              <a:rPr lang="en-GB" sz="2600" b="0" i="1" dirty="0" err="1"/>
              <a:t>koostööd</a:t>
            </a:r>
            <a:r>
              <a:rPr lang="en-GB" sz="2600" b="0" i="1" dirty="0"/>
              <a:t> </a:t>
            </a:r>
            <a:r>
              <a:rPr lang="en-GB" sz="2600" b="0" i="1" dirty="0" err="1"/>
              <a:t>kunsti</a:t>
            </a:r>
            <a:r>
              <a:rPr lang="en-GB" sz="2600" b="0" i="1" dirty="0"/>
              <a:t>- </a:t>
            </a:r>
            <a:r>
              <a:rPr lang="en-GB" sz="2600" b="0" i="1" dirty="0" err="1"/>
              <a:t>ja</a:t>
            </a:r>
            <a:r>
              <a:rPr lang="en-GB" sz="2600" b="0" i="1" dirty="0"/>
              <a:t> </a:t>
            </a:r>
            <a:r>
              <a:rPr lang="en-GB" sz="2600" b="0" i="1" dirty="0" err="1"/>
              <a:t>kultuurivaldkonnas</a:t>
            </a:r>
            <a:r>
              <a:rPr lang="en-GB" sz="2600" b="0" i="1" dirty="0"/>
              <a:t>. </a:t>
            </a:r>
            <a:r>
              <a:rPr lang="en-GB" sz="2600" b="0" i="1" dirty="0" err="1"/>
              <a:t>Toetust</a:t>
            </a:r>
            <a:r>
              <a:rPr lang="en-GB" sz="2600" b="0" i="1" dirty="0"/>
              <a:t> </a:t>
            </a:r>
            <a:r>
              <a:rPr lang="en-GB" sz="2600" b="0" i="1" dirty="0" err="1"/>
              <a:t>antakse</a:t>
            </a:r>
            <a:r>
              <a:rPr lang="en-GB" sz="2600" b="0" i="1" dirty="0"/>
              <a:t> </a:t>
            </a:r>
            <a:r>
              <a:rPr lang="en-GB" sz="2600" b="0" i="1" dirty="0" err="1"/>
              <a:t>uuenduslikele</a:t>
            </a:r>
            <a:r>
              <a:rPr lang="en-GB" sz="2600" b="0" i="1" dirty="0"/>
              <a:t> </a:t>
            </a:r>
            <a:r>
              <a:rPr lang="en-GB" sz="2600" b="0" i="1" dirty="0" err="1"/>
              <a:t>projektidele</a:t>
            </a:r>
            <a:r>
              <a:rPr lang="en-GB" sz="2600" b="0" i="1" dirty="0"/>
              <a:t>, </a:t>
            </a:r>
            <a:r>
              <a:rPr lang="en-GB" sz="2600" b="0" i="1" dirty="0" err="1"/>
              <a:t>millel</a:t>
            </a:r>
            <a:r>
              <a:rPr lang="en-GB" sz="2600" b="0" i="1" dirty="0"/>
              <a:t> on </a:t>
            </a:r>
            <a:r>
              <a:rPr lang="en-GB" sz="2600" b="0" i="1" dirty="0" err="1"/>
              <a:t>kõrge</a:t>
            </a:r>
            <a:r>
              <a:rPr lang="en-GB" sz="2600" b="0" i="1" dirty="0"/>
              <a:t> </a:t>
            </a:r>
            <a:r>
              <a:rPr lang="en-GB" sz="2600" b="0" i="1" dirty="0" err="1"/>
              <a:t>kunstiline</a:t>
            </a:r>
            <a:r>
              <a:rPr lang="en-GB" sz="2600" b="0" i="1" dirty="0"/>
              <a:t> </a:t>
            </a:r>
            <a:r>
              <a:rPr lang="en-GB" sz="2600" b="0" i="1" dirty="0" err="1"/>
              <a:t>ja</a:t>
            </a:r>
            <a:r>
              <a:rPr lang="en-GB" sz="2600" b="0" i="1" dirty="0"/>
              <a:t> </a:t>
            </a:r>
            <a:r>
              <a:rPr lang="en-GB" sz="2600" b="0" i="1" dirty="0" err="1"/>
              <a:t>kultuuriline</a:t>
            </a:r>
            <a:r>
              <a:rPr lang="en-GB" sz="2600" b="0" i="1" dirty="0"/>
              <a:t> </a:t>
            </a:r>
            <a:r>
              <a:rPr lang="en-GB" sz="2600" b="0" i="1" dirty="0" err="1"/>
              <a:t>kvaliteet</a:t>
            </a:r>
            <a:r>
              <a:rPr lang="en-GB" sz="2600" b="0" i="1" dirty="0"/>
              <a:t> </a:t>
            </a:r>
            <a:r>
              <a:rPr lang="en-GB" sz="2600" b="0" i="1" dirty="0" err="1"/>
              <a:t>ning</a:t>
            </a:r>
            <a:r>
              <a:rPr lang="en-GB" sz="2600" b="0" i="1" dirty="0"/>
              <a:t> mis </a:t>
            </a:r>
            <a:r>
              <a:rPr lang="en-GB" sz="2600" b="0" i="1" dirty="0" err="1"/>
              <a:t>edendavad</a:t>
            </a:r>
            <a:r>
              <a:rPr lang="en-GB" sz="2600" b="0" i="1" dirty="0"/>
              <a:t> </a:t>
            </a:r>
            <a:r>
              <a:rPr lang="en-GB" sz="2600" b="0" i="1" dirty="0" err="1"/>
              <a:t>mitmekesisust</a:t>
            </a:r>
            <a:r>
              <a:rPr lang="en-GB" sz="2600" b="0" i="1" dirty="0"/>
              <a:t> </a:t>
            </a:r>
            <a:r>
              <a:rPr lang="en-GB" sz="2600" b="0" i="1" dirty="0" err="1"/>
              <a:t>ja</a:t>
            </a:r>
            <a:r>
              <a:rPr lang="en-GB" sz="2600" b="0" i="1" dirty="0"/>
              <a:t> </a:t>
            </a:r>
            <a:r>
              <a:rPr lang="en-GB" sz="2600" b="0" i="1" dirty="0" err="1"/>
              <a:t>kestlikkust</a:t>
            </a:r>
            <a:r>
              <a:rPr lang="en-GB" sz="2600" b="0" i="1" dirty="0"/>
              <a:t> </a:t>
            </a:r>
            <a:r>
              <a:rPr lang="en-GB" sz="2600" b="0" i="1" dirty="0" err="1"/>
              <a:t>Põhjamaade</a:t>
            </a:r>
            <a:r>
              <a:rPr lang="en-GB" sz="2600" b="0" i="1" dirty="0"/>
              <a:t> </a:t>
            </a:r>
            <a:r>
              <a:rPr lang="en-GB" sz="2600" b="0" i="1" dirty="0" err="1"/>
              <a:t>piirkonnas</a:t>
            </a:r>
            <a:r>
              <a:rPr lang="en-GB" sz="2600" b="0" i="1" dirty="0"/>
              <a:t>.</a:t>
            </a:r>
            <a:endParaRPr kumimoji="0" lang="sv-SE" sz="4400" b="1" i="1" u="none" strike="noStrike" kern="1200" cap="none" spc="0" normalizeH="0" baseline="0" noProof="0" dirty="0">
              <a:ln>
                <a:noFill/>
              </a:ln>
              <a:solidFill>
                <a:srgbClr val="385988"/>
              </a:solidFill>
              <a:effectLst/>
              <a:uLnTx/>
              <a:uFillTx/>
              <a:latin typeface="Corbel" panose="020B0503020204020204" pitchFamily="34" charset="0"/>
              <a:ea typeface="+mj-ea"/>
              <a:cs typeface="+mj-cs"/>
            </a:endParaRPr>
          </a:p>
          <a:p>
            <a:pPr marL="0" marR="0" lvl="0" indent="0" algn="l" defTabSz="914400" rtl="0" eaLnBrk="1" fontAlgn="auto" latinLnBrk="0" hangingPunct="1">
              <a:lnSpc>
                <a:spcPct val="87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4400" b="1" i="1" u="none" strike="noStrike" kern="1200" cap="none" spc="0" normalizeH="0" baseline="0" noProof="0" dirty="0">
              <a:ln>
                <a:noFill/>
              </a:ln>
              <a:solidFill>
                <a:srgbClr val="385988"/>
              </a:solidFill>
              <a:effectLst/>
              <a:uLnTx/>
              <a:uFillTx/>
              <a:latin typeface="Corbel" panose="020B0503020204020204" pitchFamily="34" charset="0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70732835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Bildobjekt 11">
            <a:extLst>
              <a:ext uri="{FF2B5EF4-FFF2-40B4-BE49-F238E27FC236}">
                <a16:creationId xmlns:a16="http://schemas.microsoft.com/office/drawing/2014/main" id="{455E5552-6126-FD80-A75F-CFE6514C576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180618"/>
            <a:ext cx="11264698" cy="498868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56568" y="537680"/>
            <a:ext cx="10836932" cy="1285875"/>
          </a:xfrm>
        </p:spPr>
        <p:txBody>
          <a:bodyPr rtlCol="0"/>
          <a:lstStyle/>
          <a:p>
            <a:pPr rtl="0"/>
            <a:r>
              <a:rPr lang="et-EE" dirty="0"/>
              <a:t>Nõuded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00743" y="1689018"/>
            <a:ext cx="9391425" cy="4480288"/>
          </a:xfrm>
        </p:spPr>
        <p:txBody>
          <a:bodyPr rtlCol="0"/>
          <a:lstStyle/>
          <a:p>
            <a:pPr rtl="0">
              <a:buFont typeface="Arial" panose="020B0604020202020204" pitchFamily="34" charset="0"/>
              <a:buChar char="•"/>
            </a:pPr>
            <a:r>
              <a:rPr lang="et-EE" dirty="0"/>
              <a:t>Minimaalselt</a:t>
            </a:r>
            <a:r>
              <a:rPr lang="en-GB" dirty="0"/>
              <a:t> 3 </a:t>
            </a:r>
            <a:r>
              <a:rPr lang="en-gb" dirty="0"/>
              <a:t>partner</a:t>
            </a:r>
            <a:r>
              <a:rPr lang="et-EE" dirty="0" err="1"/>
              <a:t>it</a:t>
            </a:r>
            <a:r>
              <a:rPr lang="en-gb" dirty="0"/>
              <a:t> </a:t>
            </a:r>
            <a:r>
              <a:rPr lang="en-GB" dirty="0"/>
              <a:t>(</a:t>
            </a:r>
            <a:r>
              <a:rPr lang="et-EE" dirty="0"/>
              <a:t>vähemalt </a:t>
            </a:r>
            <a:r>
              <a:rPr lang="en-GB" dirty="0"/>
              <a:t>2 </a:t>
            </a:r>
            <a:r>
              <a:rPr lang="et-EE" dirty="0"/>
              <a:t>Põhjamaadest</a:t>
            </a:r>
            <a:r>
              <a:rPr lang="en-GB" dirty="0"/>
              <a:t>)</a:t>
            </a:r>
            <a:br>
              <a:rPr lang="en-GB" dirty="0"/>
            </a:br>
            <a:endParaRPr lang="en-GB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et-EE" dirty="0"/>
              <a:t>Taotlejad ja partnerid võivad olla indiviidid ja/või organisatsioonid</a:t>
            </a:r>
            <a:br>
              <a:rPr lang="en-GB" dirty="0"/>
            </a:br>
            <a:endParaRPr lang="en-GB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et-EE" dirty="0"/>
              <a:t>Toetust saab taotleda projekti eri staadiumides ja kõigis kultuuri ja/või kunsti valdkondades</a:t>
            </a:r>
          </a:p>
          <a:p>
            <a:pPr marL="0" indent="0" rtl="0">
              <a:buNone/>
            </a:pPr>
            <a:endParaRPr lang="sv-SE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et-EE" dirty="0"/>
              <a:t>Taotleda saab</a:t>
            </a:r>
            <a:r>
              <a:rPr lang="en-gb" dirty="0"/>
              <a:t>:</a:t>
            </a:r>
          </a:p>
          <a:p>
            <a:pPr lvl="1" rtl="0">
              <a:buFontTx/>
              <a:buChar char="-"/>
            </a:pPr>
            <a:r>
              <a:rPr lang="et-EE" dirty="0"/>
              <a:t>kuni</a:t>
            </a:r>
            <a:r>
              <a:rPr lang="en-gb" dirty="0"/>
              <a:t> 7</a:t>
            </a:r>
            <a:r>
              <a:rPr lang="en-GB" dirty="0"/>
              <a:t> </a:t>
            </a:r>
            <a:r>
              <a:rPr lang="en-gb" dirty="0"/>
              <a:t>000</a:t>
            </a:r>
            <a:r>
              <a:rPr lang="et-EE" dirty="0"/>
              <a:t> EUR</a:t>
            </a:r>
            <a:r>
              <a:rPr lang="en-gb" dirty="0"/>
              <a:t> </a:t>
            </a:r>
            <a:r>
              <a:rPr lang="et-EE" dirty="0"/>
              <a:t>täissummas</a:t>
            </a:r>
            <a:endParaRPr lang="en-GB" dirty="0"/>
          </a:p>
          <a:p>
            <a:pPr lvl="1" rtl="0">
              <a:buFontTx/>
              <a:buChar char="-"/>
            </a:pPr>
            <a:r>
              <a:rPr lang="et-EE" dirty="0"/>
              <a:t>kuni</a:t>
            </a:r>
            <a:r>
              <a:rPr lang="en-gb" dirty="0"/>
              <a:t> 40</a:t>
            </a:r>
            <a:r>
              <a:rPr lang="en-GB" dirty="0"/>
              <a:t> </a:t>
            </a:r>
            <a:r>
              <a:rPr lang="en-gb" dirty="0"/>
              <a:t>000</a:t>
            </a:r>
            <a:r>
              <a:rPr lang="et-EE" dirty="0"/>
              <a:t> EUR</a:t>
            </a:r>
            <a:r>
              <a:rPr lang="en-gb" dirty="0"/>
              <a:t> (</a:t>
            </a:r>
            <a:r>
              <a:rPr lang="et-EE" dirty="0"/>
              <a:t>maksimaalselt</a:t>
            </a:r>
            <a:r>
              <a:rPr lang="en-gb" dirty="0"/>
              <a:t> 70% </a:t>
            </a:r>
            <a:r>
              <a:rPr lang="et-EE" dirty="0"/>
              <a:t>kogueelarvest</a:t>
            </a:r>
            <a:r>
              <a:rPr lang="en-gb" dirty="0"/>
              <a:t>)</a:t>
            </a:r>
            <a:endParaRPr lang="en-GB" dirty="0"/>
          </a:p>
          <a:p>
            <a:pPr lvl="1" rtl="0">
              <a:buFontTx/>
              <a:buChar char="-"/>
            </a:pPr>
            <a:r>
              <a:rPr lang="et-EE" dirty="0"/>
              <a:t>kuni</a:t>
            </a:r>
            <a:r>
              <a:rPr lang="en-gb" dirty="0"/>
              <a:t> 100</a:t>
            </a:r>
            <a:r>
              <a:rPr lang="en-GB" dirty="0"/>
              <a:t> </a:t>
            </a:r>
            <a:r>
              <a:rPr lang="en-gb" dirty="0"/>
              <a:t>000</a:t>
            </a:r>
            <a:r>
              <a:rPr lang="et-EE" dirty="0"/>
              <a:t> EUR</a:t>
            </a:r>
            <a:r>
              <a:rPr lang="en-gb" dirty="0"/>
              <a:t> (</a:t>
            </a:r>
            <a:r>
              <a:rPr lang="et-EE" dirty="0"/>
              <a:t>maksimaalselt</a:t>
            </a:r>
            <a:r>
              <a:rPr lang="en-gb" dirty="0"/>
              <a:t> 50% </a:t>
            </a:r>
            <a:r>
              <a:rPr lang="et-EE" dirty="0"/>
              <a:t>kogueelarvest</a:t>
            </a:r>
            <a:r>
              <a:rPr lang="en-gb" dirty="0"/>
              <a:t>)</a:t>
            </a:r>
          </a:p>
          <a:p>
            <a:pPr marL="216000" indent="0">
              <a:buNone/>
            </a:pPr>
            <a:endParaRPr lang="en-GB" dirty="0"/>
          </a:p>
          <a:p>
            <a:pPr marL="216000" indent="0">
              <a:buNone/>
            </a:pPr>
            <a:r>
              <a:rPr lang="et-EE" dirty="0"/>
              <a:t>Võtmesõnad: Põhjamaade dimensioon, koostöö, kvaliteet, jätkusuutlikkus</a:t>
            </a:r>
            <a:endParaRPr lang="en-gb" dirty="0"/>
          </a:p>
          <a:p>
            <a:pPr marL="0" indent="0" rtl="0">
              <a:buNone/>
            </a:pPr>
            <a:endParaRPr lang="da-DK" dirty="0"/>
          </a:p>
        </p:txBody>
      </p:sp>
      <p:pic>
        <p:nvPicPr>
          <p:cNvPr id="5" name="Bildobjekt 4" descr="En bild som visar mönster, Grafik, pixel, design&#10;&#10;AI-genererat innehåll kan vara felaktigt.">
            <a:extLst>
              <a:ext uri="{FF2B5EF4-FFF2-40B4-BE49-F238E27FC236}">
                <a16:creationId xmlns:a16="http://schemas.microsoft.com/office/drawing/2014/main" id="{ABAC82A7-C062-62E4-30B2-29D9B35E81B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64022" y="1033965"/>
            <a:ext cx="1029478" cy="10294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2970393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C67A766-BAFC-9EDF-8128-86093D9D10D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objekt 3">
            <a:extLst>
              <a:ext uri="{FF2B5EF4-FFF2-40B4-BE49-F238E27FC236}">
                <a16:creationId xmlns:a16="http://schemas.microsoft.com/office/drawing/2014/main" id="{87DB6D26-04D8-931F-E64E-413282CB246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0734" y="1676903"/>
            <a:ext cx="11264698" cy="4495274"/>
          </a:xfrm>
          <a:prstGeom prst="rect">
            <a:avLst/>
          </a:prstGeom>
        </p:spPr>
      </p:pic>
      <p:sp>
        <p:nvSpPr>
          <p:cNvPr id="2" name="Rubrik 1">
            <a:extLst>
              <a:ext uri="{FF2B5EF4-FFF2-40B4-BE49-F238E27FC236}">
                <a16:creationId xmlns:a16="http://schemas.microsoft.com/office/drawing/2014/main" id="{B90835E2-4257-1971-CFF7-FD3399B0DA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685823"/>
            <a:ext cx="10836932" cy="991080"/>
          </a:xfrm>
        </p:spPr>
        <p:txBody>
          <a:bodyPr/>
          <a:lstStyle/>
          <a:p>
            <a:r>
              <a:rPr lang="et-EE" dirty="0"/>
              <a:t>Taotlusvoorud </a:t>
            </a:r>
            <a:r>
              <a:rPr lang="sv-FI" dirty="0"/>
              <a:t>2026</a:t>
            </a:r>
            <a:endParaRPr lang="en-FI" dirty="0"/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C2D0D9DE-6A52-E7AE-DE68-421638D4119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56568" y="1790200"/>
            <a:ext cx="10258742" cy="4495274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sv-SE" sz="2000" dirty="0"/>
          </a:p>
          <a:p>
            <a:pPr marL="0" indent="0">
              <a:buNone/>
            </a:pPr>
            <a:r>
              <a:rPr lang="et-EE" sz="2000" b="1" dirty="0"/>
              <a:t>Reisitoetus</a:t>
            </a:r>
            <a:r>
              <a:rPr lang="en-GB" sz="2000" b="1" dirty="0"/>
              <a:t>				</a:t>
            </a:r>
            <a:r>
              <a:rPr lang="et-EE" sz="2000" b="1" dirty="0"/>
              <a:t>	Kultuuri- ja kunstiprogramm</a:t>
            </a:r>
            <a:endParaRPr lang="en-GB" sz="2000" b="1" dirty="0"/>
          </a:p>
          <a:p>
            <a:pPr marL="0" indent="0">
              <a:buNone/>
            </a:pPr>
            <a:r>
              <a:rPr lang="sv-FI" dirty="0"/>
              <a:t>02.01.2026 – 02.02.2026 			</a:t>
            </a:r>
            <a:r>
              <a:rPr lang="nb-NO" dirty="0"/>
              <a:t>02.02.2026 – 02.03.2026</a:t>
            </a:r>
            <a:endParaRPr lang="sv-FI" dirty="0"/>
          </a:p>
          <a:p>
            <a:pPr marL="0" indent="0">
              <a:buNone/>
            </a:pPr>
            <a:r>
              <a:rPr lang="sv-FI" dirty="0"/>
              <a:t>02.03.2026 – 31.03.2026 			</a:t>
            </a:r>
            <a:r>
              <a:rPr lang="en-FI" dirty="0"/>
              <a:t>10.08.2026 – 10.09.2026</a:t>
            </a:r>
            <a:endParaRPr lang="sv-FI" dirty="0"/>
          </a:p>
          <a:p>
            <a:pPr marL="0" indent="0">
              <a:buNone/>
            </a:pPr>
            <a:r>
              <a:rPr lang="sv-FI" dirty="0"/>
              <a:t>18.08.2026 – 18.09.2026 </a:t>
            </a:r>
          </a:p>
          <a:p>
            <a:pPr marL="0" indent="0">
              <a:buNone/>
            </a:pPr>
            <a:endParaRPr lang="en-GB" sz="2000" b="1" dirty="0"/>
          </a:p>
          <a:p>
            <a:pPr marL="0" indent="0">
              <a:buNone/>
            </a:pPr>
            <a:r>
              <a:rPr lang="et-EE" sz="2000" b="1" dirty="0"/>
              <a:t>Võrgustike toetused</a:t>
            </a:r>
            <a:endParaRPr lang="en-GB" sz="2000" dirty="0"/>
          </a:p>
          <a:p>
            <a:pPr marL="0" indent="0">
              <a:buNone/>
            </a:pPr>
            <a:r>
              <a:rPr lang="nb-NO" dirty="0"/>
              <a:t>09.01.2026 – 09.02.2026 (</a:t>
            </a:r>
            <a:r>
              <a:rPr lang="et-EE" dirty="0"/>
              <a:t>pika- ja lühiajaline</a:t>
            </a:r>
            <a:r>
              <a:rPr lang="nb-NO" dirty="0"/>
              <a:t>)</a:t>
            </a:r>
          </a:p>
          <a:p>
            <a:pPr marL="0" indent="0">
              <a:buNone/>
            </a:pPr>
            <a:r>
              <a:rPr lang="nb-NO" dirty="0"/>
              <a:t>10.08.2026 – 04.09.2026 (</a:t>
            </a:r>
            <a:r>
              <a:rPr lang="et-EE" dirty="0"/>
              <a:t>lühiajaline</a:t>
            </a:r>
            <a:r>
              <a:rPr lang="nb-NO" dirty="0"/>
              <a:t>)</a:t>
            </a:r>
          </a:p>
          <a:p>
            <a:pPr marL="0" indent="0">
              <a:buNone/>
            </a:pPr>
            <a:r>
              <a:rPr lang="en-GB" sz="2000" dirty="0"/>
              <a:t>		</a:t>
            </a:r>
          </a:p>
          <a:p>
            <a:pPr marL="0" indent="0">
              <a:buNone/>
            </a:pPr>
            <a:r>
              <a:rPr lang="et-EE" sz="2000" b="1" dirty="0"/>
              <a:t>Loomeresidentuuride toetus</a:t>
            </a:r>
            <a:r>
              <a:rPr lang="en-GB" sz="2000" b="1" dirty="0"/>
              <a:t>	</a:t>
            </a:r>
          </a:p>
          <a:p>
            <a:pPr marL="0" indent="0">
              <a:buNone/>
            </a:pPr>
            <a:r>
              <a:rPr lang="en-FI" dirty="0"/>
              <a:t>26.01.2026 – 23.02.2026</a:t>
            </a:r>
            <a:r>
              <a:rPr lang="en-GB" sz="2000" b="1" dirty="0"/>
              <a:t>	</a:t>
            </a:r>
            <a:r>
              <a:rPr lang="en-GB" sz="2000" dirty="0"/>
              <a:t>				 	</a:t>
            </a:r>
            <a:endParaRPr lang="en-FI" sz="2000" dirty="0"/>
          </a:p>
          <a:p>
            <a:pPr>
              <a:buFontTx/>
              <a:buChar char="-"/>
            </a:pPr>
            <a:endParaRPr lang="sv-SE" sz="2000" dirty="0">
              <a:ea typeface="+mn-lt"/>
              <a:cs typeface="+mn-lt"/>
            </a:endParaRPr>
          </a:p>
          <a:p>
            <a:pPr marL="467995" indent="-467995">
              <a:buNone/>
            </a:pPr>
            <a:endParaRPr lang="sv-SE" sz="2000" dirty="0">
              <a:ea typeface="+mn-lt"/>
              <a:cs typeface="+mn-lt"/>
            </a:endParaRPr>
          </a:p>
          <a:p>
            <a:pPr marL="0" indent="0">
              <a:buNone/>
            </a:pPr>
            <a:endParaRPr lang="sv-SE" sz="2000" dirty="0"/>
          </a:p>
          <a:p>
            <a:pPr marL="0" indent="0">
              <a:buNone/>
            </a:pPr>
            <a:endParaRPr lang="sv-SE" sz="2000" dirty="0">
              <a:ea typeface="+mn-lt"/>
              <a:cs typeface="+mn-lt"/>
            </a:endParaRPr>
          </a:p>
          <a:p>
            <a:pPr marL="0" indent="0">
              <a:buNone/>
            </a:pPr>
            <a:endParaRPr lang="sv-SE" sz="2000" dirty="0"/>
          </a:p>
          <a:p>
            <a:pPr marL="467995" indent="-467995"/>
            <a:endParaRPr lang="en-FI" sz="2000" dirty="0"/>
          </a:p>
        </p:txBody>
      </p:sp>
    </p:spTree>
    <p:extLst>
      <p:ext uri="{BB962C8B-B14F-4D97-AF65-F5344CB8AC3E}">
        <p14:creationId xmlns:p14="http://schemas.microsoft.com/office/powerpoint/2010/main" val="139701669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B5ADD8E-6CEB-AEFF-EEF8-213DE46A6B2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AA6BE985-E385-CD79-5371-BCCFA9DC22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t-EE" dirty="0"/>
              <a:t>Nõunikud</a:t>
            </a:r>
            <a:endParaRPr lang="en-gb" dirty="0"/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395EDB18-2BBB-ACFC-E141-4A02A870A8D2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5101692" y="4410530"/>
            <a:ext cx="2267452" cy="1425033"/>
          </a:xfrm>
        </p:spPr>
        <p:txBody>
          <a:bodyPr rtlCol="0"/>
          <a:lstStyle/>
          <a:p>
            <a:pPr marL="0" indent="0" rtl="0">
              <a:buNone/>
            </a:pPr>
            <a:r>
              <a:rPr lang="en-gb" b="1" dirty="0"/>
              <a:t>Louise Nordgren</a:t>
            </a:r>
          </a:p>
          <a:p>
            <a:pPr marL="0" indent="0" rtl="0">
              <a:buNone/>
            </a:pPr>
            <a:r>
              <a:rPr lang="et-EE" dirty="0"/>
              <a:t>Kultuuri- ja kunstiprogramm</a:t>
            </a:r>
            <a:endParaRPr lang="en-gb" dirty="0"/>
          </a:p>
        </p:txBody>
      </p:sp>
      <p:sp>
        <p:nvSpPr>
          <p:cNvPr id="5" name="Platshållare för text 2">
            <a:extLst>
              <a:ext uri="{FF2B5EF4-FFF2-40B4-BE49-F238E27FC236}">
                <a16:creationId xmlns:a16="http://schemas.microsoft.com/office/drawing/2014/main" id="{5E87AA1D-7536-126A-5301-6EFA97344D8C}"/>
              </a:ext>
            </a:extLst>
          </p:cNvPr>
          <p:cNvSpPr txBox="1">
            <a:spLocks/>
          </p:cNvSpPr>
          <p:nvPr/>
        </p:nvSpPr>
        <p:spPr>
          <a:xfrm>
            <a:off x="2879216" y="4410530"/>
            <a:ext cx="1875842" cy="142503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 baseline="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en-gb" b="1" dirty="0"/>
              <a:t>Johanna Fredriksson</a:t>
            </a:r>
          </a:p>
          <a:p>
            <a:pPr marL="0" indent="0" rtl="0">
              <a:buFont typeface="Arial" panose="020B0604020202020204" pitchFamily="34" charset="0"/>
              <a:buNone/>
            </a:pPr>
            <a:r>
              <a:rPr lang="et-EE" dirty="0"/>
              <a:t>Võrgustike toetused, loome-residentuuride toetused</a:t>
            </a:r>
            <a:endParaRPr lang="en-gb" dirty="0"/>
          </a:p>
        </p:txBody>
      </p:sp>
      <p:sp>
        <p:nvSpPr>
          <p:cNvPr id="6" name="Platshållare för text 2">
            <a:extLst>
              <a:ext uri="{FF2B5EF4-FFF2-40B4-BE49-F238E27FC236}">
                <a16:creationId xmlns:a16="http://schemas.microsoft.com/office/drawing/2014/main" id="{8E323F99-71B0-A9D0-DBA6-2DF97B7E89B9}"/>
              </a:ext>
            </a:extLst>
          </p:cNvPr>
          <p:cNvSpPr txBox="1">
            <a:spLocks/>
          </p:cNvSpPr>
          <p:nvPr/>
        </p:nvSpPr>
        <p:spPr>
          <a:xfrm>
            <a:off x="656568" y="4410530"/>
            <a:ext cx="1875842" cy="142503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 baseline="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en-gb" b="1" dirty="0"/>
              <a:t>Anna Skogster</a:t>
            </a:r>
          </a:p>
          <a:p>
            <a:pPr marL="0" indent="0" rtl="0">
              <a:buFont typeface="Arial" panose="020B0604020202020204" pitchFamily="34" charset="0"/>
              <a:buNone/>
            </a:pPr>
            <a:r>
              <a:rPr lang="et-EE" dirty="0"/>
              <a:t>Reisitoetused</a:t>
            </a:r>
            <a:endParaRPr lang="en-gb" dirty="0"/>
          </a:p>
        </p:txBody>
      </p:sp>
      <p:sp>
        <p:nvSpPr>
          <p:cNvPr id="7" name="Platshållare för text 2">
            <a:extLst>
              <a:ext uri="{FF2B5EF4-FFF2-40B4-BE49-F238E27FC236}">
                <a16:creationId xmlns:a16="http://schemas.microsoft.com/office/drawing/2014/main" id="{57390F17-6789-099E-8775-AD038BF1E179}"/>
              </a:ext>
            </a:extLst>
          </p:cNvPr>
          <p:cNvSpPr txBox="1">
            <a:spLocks/>
          </p:cNvSpPr>
          <p:nvPr/>
        </p:nvSpPr>
        <p:spPr>
          <a:xfrm>
            <a:off x="7324167" y="4410530"/>
            <a:ext cx="2267452" cy="142503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 baseline="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en-gb" b="1" dirty="0"/>
              <a:t>Sidsel Eskesen</a:t>
            </a:r>
          </a:p>
          <a:p>
            <a:pPr marL="0" indent="0" rtl="0">
              <a:buFont typeface="Arial" panose="020B0604020202020204" pitchFamily="34" charset="0"/>
              <a:buNone/>
            </a:pPr>
            <a:r>
              <a:rPr lang="en-gb" dirty="0"/>
              <a:t>Volt</a:t>
            </a:r>
          </a:p>
          <a:p>
            <a:pPr marL="0" indent="0" rtl="0">
              <a:buFont typeface="Arial" panose="020B0604020202020204" pitchFamily="34" charset="0"/>
              <a:buNone/>
            </a:pPr>
            <a:r>
              <a:rPr lang="en-gb" dirty="0"/>
              <a:t>Norden 0–30</a:t>
            </a:r>
          </a:p>
        </p:txBody>
      </p:sp>
      <p:sp>
        <p:nvSpPr>
          <p:cNvPr id="4" name="Platshållare för text 2">
            <a:extLst>
              <a:ext uri="{FF2B5EF4-FFF2-40B4-BE49-F238E27FC236}">
                <a16:creationId xmlns:a16="http://schemas.microsoft.com/office/drawing/2014/main" id="{2B3DB4BF-41EB-5C26-03CF-447AF809471E}"/>
              </a:ext>
            </a:extLst>
          </p:cNvPr>
          <p:cNvSpPr txBox="1">
            <a:spLocks/>
          </p:cNvSpPr>
          <p:nvPr/>
        </p:nvSpPr>
        <p:spPr>
          <a:xfrm>
            <a:off x="9546732" y="4410530"/>
            <a:ext cx="2267452" cy="142503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 baseline="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220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en-gb" b="1"/>
              <a:t>Anne Malmström</a:t>
            </a:r>
          </a:p>
          <a:p>
            <a:pPr marL="0" indent="0" rtl="0">
              <a:buFont typeface="Arial" panose="020B0604020202020204" pitchFamily="34" charset="0"/>
              <a:buNone/>
            </a:pPr>
            <a:r>
              <a:rPr lang="en-gb"/>
              <a:t>Demos</a:t>
            </a:r>
          </a:p>
        </p:txBody>
      </p:sp>
      <p:pic>
        <p:nvPicPr>
          <p:cNvPr id="14" name="Picture 13" descr="A person smiling at the camera&#10;&#10;Description automatically generated">
            <a:extLst>
              <a:ext uri="{FF2B5EF4-FFF2-40B4-BE49-F238E27FC236}">
                <a16:creationId xmlns:a16="http://schemas.microsoft.com/office/drawing/2014/main" id="{F8ADFB23-D65D-7F7E-75B8-EADB819AF969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568" y="1676903"/>
            <a:ext cx="1988788" cy="2485874"/>
          </a:xfrm>
          <a:prstGeom prst="rect">
            <a:avLst/>
          </a:prstGeom>
        </p:spPr>
      </p:pic>
      <p:pic>
        <p:nvPicPr>
          <p:cNvPr id="18" name="Picture 17" descr="A person smiling for a picture&#10;&#10;Description automatically generated">
            <a:extLst>
              <a:ext uri="{FF2B5EF4-FFF2-40B4-BE49-F238E27FC236}">
                <a16:creationId xmlns:a16="http://schemas.microsoft.com/office/drawing/2014/main" id="{E2BF7C7F-8814-2DB0-A191-8842E07FE9F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4167" y="1679127"/>
            <a:ext cx="1988700" cy="2485875"/>
          </a:xfrm>
          <a:prstGeom prst="rect">
            <a:avLst/>
          </a:prstGeom>
        </p:spPr>
      </p:pic>
      <p:pic>
        <p:nvPicPr>
          <p:cNvPr id="20" name="Picture 19" descr="A person smiling at the camera&#10;&#10;Description automatically generated">
            <a:extLst>
              <a:ext uri="{FF2B5EF4-FFF2-40B4-BE49-F238E27FC236}">
                <a16:creationId xmlns:a16="http://schemas.microsoft.com/office/drawing/2014/main" id="{6AF230C1-D76F-AB49-07BA-4CD02962A93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46732" y="1676902"/>
            <a:ext cx="1988700" cy="2485875"/>
          </a:xfrm>
          <a:prstGeom prst="rect">
            <a:avLst/>
          </a:prstGeom>
        </p:spPr>
      </p:pic>
      <p:pic>
        <p:nvPicPr>
          <p:cNvPr id="9" name="Bildobjekt 8" descr="En bild som visar Människoansikte, leende, porträtt, person&#10;&#10;AI-genererat innehåll kan vara felaktigt.">
            <a:extLst>
              <a:ext uri="{FF2B5EF4-FFF2-40B4-BE49-F238E27FC236}">
                <a16:creationId xmlns:a16="http://schemas.microsoft.com/office/drawing/2014/main" id="{A71E5152-9CBF-AD6B-4CDC-DD48C788C62B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023" t="371" r="7270"/>
          <a:stretch/>
        </p:blipFill>
        <p:spPr>
          <a:xfrm>
            <a:off x="2879085" y="1676901"/>
            <a:ext cx="1988788" cy="2485875"/>
          </a:xfrm>
          <a:prstGeom prst="rect">
            <a:avLst/>
          </a:prstGeom>
        </p:spPr>
      </p:pic>
      <p:pic>
        <p:nvPicPr>
          <p:cNvPr id="12" name="Bildobjekt 11" descr="En bild som visar Människoansikte, person, porträtt, klädsel&#10;&#10;AI-genererat innehåll kan vara felaktigt.">
            <a:extLst>
              <a:ext uri="{FF2B5EF4-FFF2-40B4-BE49-F238E27FC236}">
                <a16:creationId xmlns:a16="http://schemas.microsoft.com/office/drawing/2014/main" id="{96D5E626-7A31-0A9F-7753-68AD415A0E86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275" t="4414" r="11031" b="21810"/>
          <a:stretch/>
        </p:blipFill>
        <p:spPr>
          <a:xfrm>
            <a:off x="5101650" y="1676901"/>
            <a:ext cx="1988700" cy="24858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82122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FE881335-D817-7481-DF57-F92ED49489B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8449494-84FB-24EB-F147-149AF1C4E6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t-EE" dirty="0"/>
              <a:t>Aitäh!</a:t>
            </a:r>
            <a:br>
              <a:rPr lang="et-EE" dirty="0"/>
            </a:br>
            <a:br>
              <a:rPr lang="et-EE" dirty="0"/>
            </a:br>
            <a:r>
              <a:rPr lang="et-EE" sz="2800" dirty="0"/>
              <a:t>Kadri Sikk</a:t>
            </a:r>
            <a:br>
              <a:rPr lang="et-EE" sz="2800" dirty="0"/>
            </a:br>
            <a:r>
              <a:rPr lang="et-EE" sz="2800" dirty="0"/>
              <a:t>Kultuuri ja kogukondliku koostöö nõunik</a:t>
            </a:r>
            <a:br>
              <a:rPr lang="et-EE" sz="2800" dirty="0"/>
            </a:br>
            <a:r>
              <a:rPr lang="et-EE" sz="2800" dirty="0"/>
              <a:t>Põhjamaade Ministrite Nõukogu esindus Eestis</a:t>
            </a:r>
            <a:br>
              <a:rPr lang="et-EE" sz="2800" dirty="0"/>
            </a:br>
            <a:r>
              <a:rPr lang="et-EE" sz="2800" dirty="0"/>
              <a:t>www.norden.e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B9D658-FE70-3660-F690-66DE8EE807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r>
              <a:rPr lang="en-gb"/>
              <a:t>23-11-2016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F5F5BC-F25D-E97F-0FCA-63C2B64929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C4D361-69A1-9F91-74FF-96CB7E170D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45D37B1E-C366-494F-A587-962AD9AABC83}" type="slidenum">
              <a:rPr lang="da-DK" smtClean="0"/>
              <a:pPr rtl="0"/>
              <a:t>1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228151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>
          <a:extLst>
            <a:ext uri="{FF2B5EF4-FFF2-40B4-BE49-F238E27FC236}">
              <a16:creationId xmlns:a16="http://schemas.microsoft.com/office/drawing/2014/main" id="{F7AF35FD-DA3B-C337-909D-8FF333EA0A7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6EACA907-7767-C6C2-C365-36B4653315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5190050" cy="1285875"/>
          </a:xfrm>
        </p:spPr>
        <p:txBody>
          <a:bodyPr rtlCol="0"/>
          <a:lstStyle/>
          <a:p>
            <a:pPr rtl="0"/>
            <a:r>
              <a:rPr lang="et-EE" dirty="0"/>
              <a:t>Millega tegeleb?</a:t>
            </a:r>
            <a:endParaRPr lang="sv-FI" dirty="0"/>
          </a:p>
        </p:txBody>
      </p:sp>
      <p:sp>
        <p:nvSpPr>
          <p:cNvPr id="9" name="Platshållare för text 6">
            <a:extLst>
              <a:ext uri="{FF2B5EF4-FFF2-40B4-BE49-F238E27FC236}">
                <a16:creationId xmlns:a16="http://schemas.microsoft.com/office/drawing/2014/main" id="{F5929F89-24B1-1F81-EECB-55C9E9D34965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74703" y="2400300"/>
            <a:ext cx="4974745" cy="3185755"/>
          </a:xfrm>
        </p:spPr>
        <p:txBody>
          <a:bodyPr rtlCol="0"/>
          <a:lstStyle/>
          <a:p>
            <a:pPr rtl="0"/>
            <a:r>
              <a:rPr lang="et-EE" dirty="0">
                <a:solidFill>
                  <a:schemeClr val="accent2"/>
                </a:solidFill>
                <a:latin typeface="+mj-lt"/>
              </a:rPr>
              <a:t>Kultuuriüritused ja -kohtumised</a:t>
            </a:r>
            <a:endParaRPr lang="en-gb" dirty="0">
              <a:solidFill>
                <a:schemeClr val="accent2"/>
              </a:solidFill>
              <a:latin typeface="+mj-lt"/>
            </a:endParaRPr>
          </a:p>
          <a:p>
            <a:pPr rtl="0"/>
            <a:endParaRPr lang="en-gb" dirty="0">
              <a:solidFill>
                <a:schemeClr val="accent2"/>
              </a:solidFill>
              <a:latin typeface="+mj-lt"/>
            </a:endParaRPr>
          </a:p>
          <a:p>
            <a:pPr rtl="0"/>
            <a:r>
              <a:rPr lang="et-EE" dirty="0">
                <a:solidFill>
                  <a:schemeClr val="accent2"/>
                </a:solidFill>
                <a:latin typeface="+mj-lt"/>
              </a:rPr>
              <a:t>Loomeresidentuur B28 </a:t>
            </a:r>
            <a:r>
              <a:rPr lang="et-EE" dirty="0" err="1">
                <a:solidFill>
                  <a:schemeClr val="accent2"/>
                </a:solidFill>
                <a:latin typeface="+mj-lt"/>
              </a:rPr>
              <a:t>Soumenlinnas</a:t>
            </a:r>
            <a:endParaRPr lang="en-gb" dirty="0">
              <a:solidFill>
                <a:schemeClr val="accent2"/>
              </a:solidFill>
              <a:latin typeface="+mj-lt"/>
            </a:endParaRPr>
          </a:p>
          <a:p>
            <a:pPr rtl="0"/>
            <a:endParaRPr lang="en-gb" dirty="0">
              <a:solidFill>
                <a:schemeClr val="accent2"/>
              </a:solidFill>
              <a:latin typeface="+mj-lt"/>
            </a:endParaRPr>
          </a:p>
          <a:p>
            <a:pPr rtl="0"/>
            <a:r>
              <a:rPr lang="et-EE" dirty="0">
                <a:solidFill>
                  <a:schemeClr val="accent2"/>
                </a:solidFill>
                <a:latin typeface="+mj-lt"/>
              </a:rPr>
              <a:t>Põhjamaade kirjanduse raamatukogu</a:t>
            </a:r>
            <a:endParaRPr lang="en-gb" dirty="0">
              <a:solidFill>
                <a:schemeClr val="accent2"/>
              </a:solidFill>
              <a:latin typeface="+mj-lt"/>
            </a:endParaRPr>
          </a:p>
          <a:p>
            <a:pPr rtl="0"/>
            <a:endParaRPr lang="en-gb" dirty="0">
              <a:solidFill>
                <a:schemeClr val="accent2"/>
              </a:solidFill>
              <a:latin typeface="+mj-lt"/>
            </a:endParaRPr>
          </a:p>
          <a:p>
            <a:pPr rtl="0"/>
            <a:r>
              <a:rPr lang="et-EE" dirty="0">
                <a:solidFill>
                  <a:schemeClr val="accent2"/>
                </a:solidFill>
                <a:latin typeface="+mj-lt"/>
              </a:rPr>
              <a:t>Rahastusprogrammid</a:t>
            </a:r>
          </a:p>
          <a:p>
            <a:pPr rtl="0"/>
            <a:endParaRPr lang="et-EE" dirty="0">
              <a:solidFill>
                <a:schemeClr val="accent2"/>
              </a:solidFill>
              <a:latin typeface="+mj-lt"/>
            </a:endParaRPr>
          </a:p>
          <a:p>
            <a:pPr rtl="0"/>
            <a:r>
              <a:rPr lang="et-EE" dirty="0">
                <a:solidFill>
                  <a:schemeClr val="accent2"/>
                </a:solidFill>
                <a:latin typeface="+mj-lt"/>
              </a:rPr>
              <a:t>nkk.org/</a:t>
            </a:r>
            <a:r>
              <a:rPr lang="et-EE" dirty="0" err="1">
                <a:solidFill>
                  <a:schemeClr val="accent2"/>
                </a:solidFill>
                <a:latin typeface="+mj-lt"/>
              </a:rPr>
              <a:t>en</a:t>
            </a:r>
            <a:r>
              <a:rPr lang="et-EE" dirty="0">
                <a:solidFill>
                  <a:schemeClr val="accent2"/>
                </a:solidFill>
                <a:latin typeface="+mj-lt"/>
              </a:rPr>
              <a:t>/</a:t>
            </a:r>
            <a:endParaRPr lang="da-DK" dirty="0">
              <a:solidFill>
                <a:schemeClr val="accent2"/>
              </a:solidFill>
              <a:latin typeface="+mj-lt"/>
            </a:endParaRPr>
          </a:p>
        </p:txBody>
      </p:sp>
      <p:pic>
        <p:nvPicPr>
          <p:cNvPr id="6" name="Platshållare för bild 5" descr="En bild som visar klädsel, utomhus, person, gräs&#10;&#10;AI-genererat innehåll kan vara felaktigt.">
            <a:extLst>
              <a:ext uri="{FF2B5EF4-FFF2-40B4-BE49-F238E27FC236}">
                <a16:creationId xmlns:a16="http://schemas.microsoft.com/office/drawing/2014/main" id="{EFB601AD-2005-6EA3-857A-2A191496C2C4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980" r="19980"/>
          <a:stretch>
            <a:fillRect/>
          </a:stretch>
        </p:blipFill>
        <p:spPr/>
      </p:pic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DCAB8C95-AED5-47C3-17B8-9BCC25288811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 rtlCol="0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00" b="0" i="0" u="none" strike="noStrike" kern="1200" cap="none" spc="0" normalizeH="0" noProof="0">
                <a:ln>
                  <a:noFill/>
                </a:ln>
                <a:noFill/>
                <a:effectLst/>
                <a:uLnTx/>
                <a:uFillTx/>
                <a:latin typeface="Corbel"/>
                <a:ea typeface="+mn-ea"/>
                <a:cs typeface="+mn-cs"/>
              </a:rPr>
              <a:t>23 November 2016</a:t>
            </a:r>
          </a:p>
        </p:txBody>
      </p:sp>
      <p:sp>
        <p:nvSpPr>
          <p:cNvPr id="7" name="Platshållare för bildnummer 6">
            <a:extLst>
              <a:ext uri="{FF2B5EF4-FFF2-40B4-BE49-F238E27FC236}">
                <a16:creationId xmlns:a16="http://schemas.microsoft.com/office/drawing/2014/main" id="{996C862F-93BC-9CBD-B5DA-75EBFAD7444F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5D37B1E-C366-494F-A587-962AD9AABC83}" type="slidenum">
              <a:rPr kumimoji="0" lang="da-DK" sz="950" b="0" i="0" u="none" strike="noStrike" kern="1200" cap="none" spc="0" normalizeH="0" baseline="0" noProof="0" smtClean="0">
                <a:ln>
                  <a:noFill/>
                </a:ln>
                <a:solidFill>
                  <a:srgbClr val="006EB6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da-DK" sz="950" b="0" i="0" u="none" strike="noStrike" kern="1200" cap="none" spc="0" normalizeH="0" baseline="0" noProof="0">
              <a:ln>
                <a:noFill/>
              </a:ln>
              <a:solidFill>
                <a:srgbClr val="006EB6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596436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65A950C4-B1B9-D995-7144-0D9224CA61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6069909" cy="1285875"/>
          </a:xfrm>
        </p:spPr>
        <p:txBody>
          <a:bodyPr rtlCol="0"/>
          <a:lstStyle/>
          <a:p>
            <a:pPr rtl="0"/>
            <a:r>
              <a:rPr lang="et-EE" sz="4400" dirty="0"/>
              <a:t>Avalik rahastus, strateegilised eesmärgid</a:t>
            </a:r>
            <a:endParaRPr lang="sv-FI" sz="4400" dirty="0"/>
          </a:p>
        </p:txBody>
      </p:sp>
      <p:sp>
        <p:nvSpPr>
          <p:cNvPr id="14" name="Platshållare för text 2">
            <a:extLst>
              <a:ext uri="{FF2B5EF4-FFF2-40B4-BE49-F238E27FC236}">
                <a16:creationId xmlns:a16="http://schemas.microsoft.com/office/drawing/2014/main" id="{53143687-8DE8-6A6A-1C88-ACCD6E8C939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93738" y="2298700"/>
            <a:ext cx="5770562" cy="3911600"/>
          </a:xfrm>
        </p:spPr>
        <p:txBody>
          <a:bodyPr vert="horz" lIns="0" tIns="0" rIns="0" bIns="0" rtlCol="0">
            <a:normAutofit fontScale="25000" lnSpcReduction="20000"/>
          </a:bodyPr>
          <a:lstStyle/>
          <a:p>
            <a:pPr rtl="0">
              <a:lnSpc>
                <a:spcPct val="90000"/>
              </a:lnSpc>
              <a:spcAft>
                <a:spcPts val="600"/>
              </a:spcAft>
            </a:pPr>
            <a:r>
              <a:rPr lang="et-EE" sz="8800" dirty="0"/>
              <a:t>Põhjamaade Ministrite Nõukogu juhitud rahastusprogrammid</a:t>
            </a:r>
            <a:endParaRPr lang="en-gb" sz="8800" dirty="0"/>
          </a:p>
          <a:p>
            <a:pPr rtl="0">
              <a:lnSpc>
                <a:spcPct val="90000"/>
              </a:lnSpc>
              <a:spcAft>
                <a:spcPts val="600"/>
              </a:spcAft>
            </a:pPr>
            <a:endParaRPr lang="sv-SE" sz="8800" dirty="0"/>
          </a:p>
          <a:p>
            <a:pPr rtl="0">
              <a:lnSpc>
                <a:spcPct val="90000"/>
              </a:lnSpc>
              <a:spcAft>
                <a:spcPts val="600"/>
              </a:spcAft>
            </a:pPr>
            <a:r>
              <a:rPr lang="en-gb" sz="8800" dirty="0">
                <a:hlinkClick r:id="rId3"/>
              </a:rPr>
              <a:t>Visi</a:t>
            </a:r>
            <a:r>
              <a:rPr lang="et-EE" sz="8800" dirty="0">
                <a:hlinkClick r:id="rId3"/>
              </a:rPr>
              <a:t>o</a:t>
            </a:r>
            <a:r>
              <a:rPr lang="en-gb" sz="8800" dirty="0">
                <a:hlinkClick r:id="rId3"/>
              </a:rPr>
              <a:t>on 2030</a:t>
            </a:r>
            <a:r>
              <a:rPr lang="et-EE" sz="8800" dirty="0"/>
              <a:t>:</a:t>
            </a:r>
            <a:r>
              <a:rPr lang="en-gb" sz="8800" dirty="0"/>
              <a:t> </a:t>
            </a:r>
            <a:r>
              <a:rPr lang="et-EE" sz="8800" dirty="0"/>
              <a:t>Põhjamaade regioon on maailma kõige jätkusuutlikum ja integreeritum</a:t>
            </a:r>
            <a:endParaRPr lang="en-gb" sz="8800" dirty="0"/>
          </a:p>
          <a:p>
            <a:pPr rtl="0">
              <a:lnSpc>
                <a:spcPct val="90000"/>
              </a:lnSpc>
              <a:spcAft>
                <a:spcPts val="600"/>
              </a:spcAft>
            </a:pPr>
            <a:endParaRPr lang="sv-SE" sz="8800" dirty="0"/>
          </a:p>
          <a:p>
            <a:pPr rtl="0">
              <a:lnSpc>
                <a:spcPct val="90000"/>
              </a:lnSpc>
              <a:spcAft>
                <a:spcPts val="600"/>
              </a:spcAft>
            </a:pPr>
            <a:r>
              <a:rPr lang="et-EE" sz="8800" dirty="0">
                <a:hlinkClick r:id="rId4"/>
              </a:rPr>
              <a:t>Kultuurikoostöö programm</a:t>
            </a:r>
            <a:r>
              <a:rPr lang="en-gb" sz="8800" dirty="0">
                <a:hlinkClick r:id="rId4"/>
              </a:rPr>
              <a:t> 2025-2030</a:t>
            </a:r>
            <a:endParaRPr lang="en-gb" sz="8800" dirty="0"/>
          </a:p>
          <a:p>
            <a:pPr rtl="0">
              <a:lnSpc>
                <a:spcPct val="90000"/>
              </a:lnSpc>
              <a:spcAft>
                <a:spcPts val="600"/>
              </a:spcAft>
            </a:pPr>
            <a:endParaRPr lang="sv-SE" sz="8800" dirty="0"/>
          </a:p>
          <a:p>
            <a:pPr rtl="0">
              <a:lnSpc>
                <a:spcPct val="90000"/>
              </a:lnSpc>
              <a:spcAft>
                <a:spcPts val="600"/>
              </a:spcAft>
            </a:pPr>
            <a:r>
              <a:rPr lang="et-EE" sz="8800" dirty="0">
                <a:hlinkClick r:id="rId5"/>
              </a:rPr>
              <a:t>Horisontaalsed prioriteedid</a:t>
            </a:r>
            <a:endParaRPr lang="en-gb" sz="8800" dirty="0"/>
          </a:p>
          <a:p>
            <a:pPr lvl="1" rtl="0">
              <a:lnSpc>
                <a:spcPct val="90000"/>
              </a:lnSpc>
              <a:spcAft>
                <a:spcPts val="600"/>
              </a:spcAft>
            </a:pPr>
            <a:r>
              <a:rPr lang="et-EE" sz="8800" dirty="0"/>
              <a:t>jätkusuutlikkus</a:t>
            </a:r>
            <a:endParaRPr lang="en-US" sz="8800" dirty="0"/>
          </a:p>
          <a:p>
            <a:pPr lvl="1" rtl="0">
              <a:lnSpc>
                <a:spcPct val="90000"/>
              </a:lnSpc>
              <a:spcAft>
                <a:spcPts val="600"/>
              </a:spcAft>
            </a:pPr>
            <a:r>
              <a:rPr lang="et-EE" sz="8800" dirty="0"/>
              <a:t>sooline võrdõiguslikkus</a:t>
            </a:r>
            <a:endParaRPr lang="en-gb" sz="8800" dirty="0"/>
          </a:p>
          <a:p>
            <a:pPr lvl="1" rtl="0">
              <a:lnSpc>
                <a:spcPct val="90000"/>
              </a:lnSpc>
              <a:spcAft>
                <a:spcPts val="600"/>
              </a:spcAft>
            </a:pPr>
            <a:r>
              <a:rPr lang="et-EE" sz="8800" dirty="0"/>
              <a:t>laste ja noorte perspektiiv</a:t>
            </a:r>
            <a:endParaRPr lang="en-US" sz="8800" dirty="0"/>
          </a:p>
          <a:p>
            <a:pPr marL="468000" lvl="1" indent="0" rtl="0">
              <a:lnSpc>
                <a:spcPct val="90000"/>
              </a:lnSpc>
              <a:spcAft>
                <a:spcPts val="600"/>
              </a:spcAft>
              <a:buNone/>
            </a:pPr>
            <a:endParaRPr lang="sv-SE" sz="2000" dirty="0"/>
          </a:p>
        </p:txBody>
      </p:sp>
      <p:pic>
        <p:nvPicPr>
          <p:cNvPr id="31" name="Platshållare för bild 30" descr="En bild som visar utomhus, klädsel, person, träd&#10;&#10;AI-genererat innehåll kan vara felaktigt.">
            <a:extLst>
              <a:ext uri="{FF2B5EF4-FFF2-40B4-BE49-F238E27FC236}">
                <a16:creationId xmlns:a16="http://schemas.microsoft.com/office/drawing/2014/main" id="{98C082E3-7369-C4E9-2D7C-F26C05CD0FE6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297" b="8297"/>
          <a:stretch>
            <a:fillRect/>
          </a:stretch>
        </p:blipFill>
        <p:spPr/>
      </p:pic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B61D414A-2C39-FDBB-ECE3-0310D512B43F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 rtlCol="0"/>
          <a:lstStyle/>
          <a:p>
            <a:pPr rtl="0"/>
            <a:r>
              <a:rPr lang="en-gb"/>
              <a:t>23 November 2016</a:t>
            </a:r>
          </a:p>
        </p:txBody>
      </p:sp>
      <p:sp>
        <p:nvSpPr>
          <p:cNvPr id="7" name="Platshållare för bildnummer 6">
            <a:extLst>
              <a:ext uri="{FF2B5EF4-FFF2-40B4-BE49-F238E27FC236}">
                <a16:creationId xmlns:a16="http://schemas.microsoft.com/office/drawing/2014/main" id="{76F88320-4470-1F3E-251E-93B613FB088C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 smtClean="0"/>
              <a:pPr rtl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444882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BFE13D70-BF28-C908-7B7B-4A25DF5001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6156608" cy="1285875"/>
          </a:xfrm>
        </p:spPr>
        <p:txBody>
          <a:bodyPr rtlCol="0"/>
          <a:lstStyle/>
          <a:p>
            <a:pPr rtl="0"/>
            <a:r>
              <a:rPr lang="et-EE" dirty="0"/>
              <a:t>Rahastusprogrammid</a:t>
            </a:r>
            <a:endParaRPr lang="en-gb" dirty="0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4FD49C37-2862-A3B6-974A-76B3B99D017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754380" y="2082346"/>
            <a:ext cx="5341620" cy="3719286"/>
          </a:xfrm>
        </p:spPr>
        <p:txBody>
          <a:bodyPr vert="horz" lIns="0" tIns="0" rIns="0" bIns="0" rtlCol="0">
            <a:normAutofit lnSpcReduction="10000"/>
          </a:bodyPr>
          <a:lstStyle/>
          <a:p>
            <a:pPr marL="0" indent="0">
              <a:lnSpc>
                <a:spcPct val="90000"/>
              </a:lnSpc>
              <a:spcAft>
                <a:spcPts val="600"/>
              </a:spcAft>
              <a:buNone/>
            </a:pPr>
            <a:r>
              <a:rPr lang="et-EE" b="1" dirty="0"/>
              <a:t>Taotlemine: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t-EE" b="1" dirty="0"/>
              <a:t>Põhjamaade-Balti kultuuri mobiilsusprogramm</a:t>
            </a:r>
            <a:endParaRPr lang="en-gb" b="1" dirty="0"/>
          </a:p>
          <a:p>
            <a:pPr marL="594360" lvl="1" indent="-342900" rtl="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t-EE" dirty="0"/>
              <a:t>Reisitoetus</a:t>
            </a:r>
            <a:endParaRPr lang="en-gb" dirty="0"/>
          </a:p>
          <a:p>
            <a:pPr marL="594360" lvl="1" indent="-3429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t-EE" dirty="0"/>
              <a:t>Võrgustike toetused</a:t>
            </a:r>
            <a:endParaRPr lang="da-DK" dirty="0"/>
          </a:p>
          <a:p>
            <a:pPr marL="594360" lvl="1" indent="-342900" rtl="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t-EE" dirty="0"/>
              <a:t>Loomeresidentuuride toetus</a:t>
            </a:r>
            <a:endParaRPr lang="en-gb" dirty="0"/>
          </a:p>
          <a:p>
            <a:pPr marL="342360" indent="-342900">
              <a:lnSpc>
                <a:spcPct val="90000"/>
              </a:lnSpc>
              <a:spcAft>
                <a:spcPts val="600"/>
              </a:spcAft>
            </a:pPr>
            <a:r>
              <a:rPr lang="en-gb" b="1" dirty="0"/>
              <a:t> </a:t>
            </a:r>
            <a:r>
              <a:rPr lang="et-EE" b="1" dirty="0"/>
              <a:t>Kultuuri- ja kunstiprogramm</a:t>
            </a:r>
          </a:p>
          <a:p>
            <a:pPr marL="0" indent="0">
              <a:lnSpc>
                <a:spcPct val="90000"/>
              </a:lnSpc>
              <a:spcAft>
                <a:spcPts val="600"/>
              </a:spcAft>
              <a:buNone/>
            </a:pPr>
            <a:endParaRPr lang="et-EE" dirty="0"/>
          </a:p>
          <a:p>
            <a:pPr marL="0" indent="0">
              <a:lnSpc>
                <a:spcPct val="90000"/>
              </a:lnSpc>
              <a:spcAft>
                <a:spcPts val="600"/>
              </a:spcAft>
              <a:buNone/>
            </a:pPr>
            <a:r>
              <a:rPr lang="et-EE" b="1" dirty="0"/>
              <a:t>Osalemine</a:t>
            </a:r>
            <a:r>
              <a:rPr lang="et-EE" dirty="0"/>
              <a:t>:</a:t>
            </a:r>
            <a:endParaRPr lang="en-gb" dirty="0"/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gb" b="1" dirty="0"/>
              <a:t>Norden 0–30 </a:t>
            </a:r>
            <a:r>
              <a:rPr lang="en-gb" dirty="0"/>
              <a:t>(</a:t>
            </a:r>
            <a:r>
              <a:rPr lang="et-EE" dirty="0"/>
              <a:t>noored</a:t>
            </a:r>
            <a:r>
              <a:rPr lang="en-gb" dirty="0"/>
              <a:t>)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gb" b="1" dirty="0"/>
              <a:t>Demos </a:t>
            </a:r>
            <a:r>
              <a:rPr lang="en-gb" dirty="0"/>
              <a:t>(</a:t>
            </a:r>
            <a:r>
              <a:rPr lang="et-EE" dirty="0"/>
              <a:t>kodanikuühiskond</a:t>
            </a:r>
            <a:r>
              <a:rPr lang="en-gb" dirty="0"/>
              <a:t>)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en-gb" dirty="0"/>
          </a:p>
        </p:txBody>
      </p:sp>
      <p:pic>
        <p:nvPicPr>
          <p:cNvPr id="9" name="Platshållare för bild 8" descr="En bild som visar konsert, person, Människoansikte, klädsel&#10;&#10;AI-genererat innehåll kan vara felaktigt.">
            <a:extLst>
              <a:ext uri="{FF2B5EF4-FFF2-40B4-BE49-F238E27FC236}">
                <a16:creationId xmlns:a16="http://schemas.microsoft.com/office/drawing/2014/main" id="{87E722EE-9E2D-606B-10BD-27E0D6D18D17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300" r="23300"/>
          <a:stretch>
            <a:fillRect/>
          </a:stretch>
        </p:blipFill>
        <p:spPr/>
      </p:pic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577B7500-D583-D2BC-1987-06CA66F3D6D9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 rtlCol="0"/>
          <a:lstStyle/>
          <a:p>
            <a:pPr rtl="0"/>
            <a:r>
              <a:rPr lang="en-gb"/>
              <a:t>23 November 2016</a:t>
            </a:r>
          </a:p>
        </p:txBody>
      </p:sp>
      <p:sp>
        <p:nvSpPr>
          <p:cNvPr id="7" name="Platshållare för bildnummer 6">
            <a:extLst>
              <a:ext uri="{FF2B5EF4-FFF2-40B4-BE49-F238E27FC236}">
                <a16:creationId xmlns:a16="http://schemas.microsoft.com/office/drawing/2014/main" id="{6A0B46D4-5D9A-80A3-07E3-6F8B54B99834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 smtClean="0"/>
              <a:pPr rtl="0"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0741525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latshållare för bild 25" descr="En bild som visar inomhus, person, bärbar dator, klädsel&#10;&#10;AI-genererat innehåll kan vara felaktigt.">
            <a:extLst>
              <a:ext uri="{FF2B5EF4-FFF2-40B4-BE49-F238E27FC236}">
                <a16:creationId xmlns:a16="http://schemas.microsoft.com/office/drawing/2014/main" id="{416E3F0D-A4BA-C80C-EB1E-E4127C896BA5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866" r="23866"/>
          <a:stretch/>
        </p:blipFill>
        <p:spPr/>
      </p:pic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448605B7-12A8-8030-D249-EF97BD5554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en-gb"/>
              <a:t>23 November 2016</a:t>
            </a:r>
          </a:p>
        </p:txBody>
      </p:sp>
      <p:sp>
        <p:nvSpPr>
          <p:cNvPr id="7" name="Platshållare för bildnummer 6">
            <a:extLst>
              <a:ext uri="{FF2B5EF4-FFF2-40B4-BE49-F238E27FC236}">
                <a16:creationId xmlns:a16="http://schemas.microsoft.com/office/drawing/2014/main" id="{11F9DBEE-5CD4-1FE1-42EA-5CCB80D4F1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 smtClean="0"/>
              <a:t>5</a:t>
            </a:fld>
            <a:endParaRPr lang="da-DK"/>
          </a:p>
        </p:txBody>
      </p:sp>
      <p:sp>
        <p:nvSpPr>
          <p:cNvPr id="12" name="Rubrik 1">
            <a:extLst>
              <a:ext uri="{FF2B5EF4-FFF2-40B4-BE49-F238E27FC236}">
                <a16:creationId xmlns:a16="http://schemas.microsoft.com/office/drawing/2014/main" id="{396A5D41-A9FD-B1EB-F975-B5177C6E3A39}"/>
              </a:ext>
            </a:extLst>
          </p:cNvPr>
          <p:cNvSpPr txBox="1">
            <a:spLocks/>
          </p:cNvSpPr>
          <p:nvPr/>
        </p:nvSpPr>
        <p:spPr>
          <a:xfrm>
            <a:off x="1076079" y="989556"/>
            <a:ext cx="6088809" cy="437435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4800" b="1" kern="1200">
                <a:solidFill>
                  <a:srgbClr val="006EB6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7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t-EE" b="1" u="none" strike="noStrike" kern="1200" cap="none" spc="0" normalizeH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+mj-cs"/>
              </a:rPr>
              <a:t>Põhja- ja Baltimaade mobiilsusprogramm</a:t>
            </a:r>
            <a:endParaRPr kumimoji="0" lang="sv-SE" b="1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orbel" panose="020B0503020204020204" pitchFamily="34" charset="0"/>
              <a:ea typeface="+mj-ea"/>
              <a:cs typeface="+mj-cs"/>
            </a:endParaRPr>
          </a:p>
          <a:p>
            <a:pPr marL="0" marR="0" lvl="0" indent="0" algn="l" defTabSz="914400" rtl="0" eaLnBrk="1" fontAlgn="auto" latinLnBrk="0" hangingPunct="1">
              <a:lnSpc>
                <a:spcPct val="87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sv-SE" sz="4200" i="1" dirty="0">
              <a:solidFill>
                <a:srgbClr val="385988"/>
              </a:solidFill>
              <a:latin typeface="Corbel" panose="020B0503020204020204" pitchFamily="34" charset="0"/>
            </a:endParaRPr>
          </a:p>
          <a:p>
            <a:pPr marL="0" indent="0" rtl="0">
              <a:spcAft>
                <a:spcPts val="600"/>
              </a:spcAft>
              <a:buNone/>
            </a:pPr>
            <a:r>
              <a:rPr lang="en-GB" sz="2600" b="0" i="1" dirty="0" err="1"/>
              <a:t>Põhjamaade</a:t>
            </a:r>
            <a:r>
              <a:rPr lang="en-GB" sz="2600" b="0" i="1" dirty="0"/>
              <a:t> </a:t>
            </a:r>
            <a:r>
              <a:rPr lang="en-GB" sz="2600" b="0" i="1" dirty="0" err="1"/>
              <a:t>ja</a:t>
            </a:r>
            <a:r>
              <a:rPr lang="en-GB" sz="2600" b="0" i="1" dirty="0"/>
              <a:t> Balti </a:t>
            </a:r>
            <a:r>
              <a:rPr lang="en-GB" sz="2600" b="0" i="1" dirty="0" err="1"/>
              <a:t>riikide</a:t>
            </a:r>
            <a:r>
              <a:rPr lang="en-GB" sz="2600" b="0" i="1" dirty="0"/>
              <a:t> </a:t>
            </a:r>
            <a:r>
              <a:rPr lang="en-GB" sz="2600" b="0" i="1" dirty="0" err="1"/>
              <a:t>kultuuri</a:t>
            </a:r>
            <a:r>
              <a:rPr lang="en-GB" sz="2600" b="0" i="1" dirty="0"/>
              <a:t> </a:t>
            </a:r>
            <a:r>
              <a:rPr lang="en-GB" sz="2600" b="0" i="1" dirty="0" err="1"/>
              <a:t>mobiilsusprogramm</a:t>
            </a:r>
            <a:r>
              <a:rPr lang="en-GB" sz="2600" b="0" i="1" dirty="0"/>
              <a:t> </a:t>
            </a:r>
            <a:r>
              <a:rPr lang="en-GB" sz="2600" b="0" i="1" dirty="0" err="1"/>
              <a:t>tugevdab</a:t>
            </a:r>
            <a:r>
              <a:rPr lang="en-GB" sz="2600" b="0" i="1" dirty="0"/>
              <a:t> </a:t>
            </a:r>
            <a:r>
              <a:rPr lang="en-GB" sz="2600" b="0" i="1" dirty="0" err="1"/>
              <a:t>kunstilist</a:t>
            </a:r>
            <a:r>
              <a:rPr lang="en-GB" sz="2600" b="0" i="1" dirty="0"/>
              <a:t> </a:t>
            </a:r>
            <a:r>
              <a:rPr lang="en-GB" sz="2600" b="0" i="1" dirty="0" err="1"/>
              <a:t>ja</a:t>
            </a:r>
            <a:r>
              <a:rPr lang="en-GB" sz="2600" b="0" i="1" dirty="0"/>
              <a:t> </a:t>
            </a:r>
            <a:r>
              <a:rPr lang="en-GB" sz="2600" b="0" i="1" dirty="0" err="1"/>
              <a:t>kultuurilist</a:t>
            </a:r>
            <a:r>
              <a:rPr lang="en-GB" sz="2600" b="0" i="1" dirty="0"/>
              <a:t> </a:t>
            </a:r>
            <a:r>
              <a:rPr lang="en-GB" sz="2600" b="0" i="1" dirty="0" err="1"/>
              <a:t>koostööd</a:t>
            </a:r>
            <a:r>
              <a:rPr lang="en-GB" sz="2600" b="0" i="1" dirty="0"/>
              <a:t> </a:t>
            </a:r>
            <a:r>
              <a:rPr lang="en-GB" sz="2600" b="0" i="1" dirty="0" err="1"/>
              <a:t>Põhja</a:t>
            </a:r>
            <a:r>
              <a:rPr lang="en-GB" sz="2600" b="0" i="1" dirty="0"/>
              <a:t>- </a:t>
            </a:r>
            <a:r>
              <a:rPr lang="en-GB" sz="2600" b="0" i="1" dirty="0" err="1"/>
              <a:t>ja</a:t>
            </a:r>
            <a:r>
              <a:rPr lang="en-GB" sz="2600" b="0" i="1" dirty="0"/>
              <a:t> </a:t>
            </a:r>
            <a:r>
              <a:rPr lang="en-GB" sz="2600" b="0" i="1" dirty="0" err="1"/>
              <a:t>Baltimaades</a:t>
            </a:r>
            <a:r>
              <a:rPr lang="en-GB" sz="2600" b="0" i="1" dirty="0"/>
              <a:t>. </a:t>
            </a:r>
            <a:r>
              <a:rPr lang="en-GB" sz="2600" b="0" i="1" dirty="0" err="1"/>
              <a:t>Programmi</a:t>
            </a:r>
            <a:r>
              <a:rPr lang="en-GB" sz="2600" b="0" i="1" dirty="0"/>
              <a:t> </a:t>
            </a:r>
            <a:r>
              <a:rPr lang="en-GB" sz="2600" b="0" i="1" dirty="0" err="1"/>
              <a:t>keskmes</a:t>
            </a:r>
            <a:r>
              <a:rPr lang="en-GB" sz="2600" b="0" i="1" dirty="0"/>
              <a:t> on </a:t>
            </a:r>
            <a:r>
              <a:rPr lang="en-GB" sz="2600" b="0" i="1" dirty="0" err="1"/>
              <a:t>teadmiste</a:t>
            </a:r>
            <a:r>
              <a:rPr lang="en-GB" sz="2600" b="0" i="1" dirty="0"/>
              <a:t>, </a:t>
            </a:r>
            <a:r>
              <a:rPr lang="en-GB" sz="2600" b="0" i="1" dirty="0" err="1"/>
              <a:t>kontaktide</a:t>
            </a:r>
            <a:r>
              <a:rPr lang="en-GB" sz="2600" b="0" i="1" dirty="0"/>
              <a:t> </a:t>
            </a:r>
            <a:r>
              <a:rPr lang="en-GB" sz="2600" b="0" i="1" dirty="0" err="1"/>
              <a:t>ja</a:t>
            </a:r>
            <a:r>
              <a:rPr lang="en-GB" sz="2600" b="0" i="1" dirty="0"/>
              <a:t> </a:t>
            </a:r>
            <a:r>
              <a:rPr lang="en-GB" sz="2600" b="0" i="1" dirty="0" err="1"/>
              <a:t>huvi</a:t>
            </a:r>
            <a:r>
              <a:rPr lang="en-GB" sz="2600" b="0" i="1" dirty="0"/>
              <a:t> </a:t>
            </a:r>
            <a:r>
              <a:rPr lang="en-GB" sz="2600" b="0" i="1" dirty="0" err="1"/>
              <a:t>suurendamine</a:t>
            </a:r>
            <a:r>
              <a:rPr lang="en-GB" sz="2600" b="0" i="1" dirty="0"/>
              <a:t> </a:t>
            </a:r>
            <a:r>
              <a:rPr lang="en-GB" sz="2600" b="0" i="1" dirty="0" err="1"/>
              <a:t>Põhjamaade</a:t>
            </a:r>
            <a:r>
              <a:rPr lang="en-GB" sz="2600" b="0" i="1" dirty="0"/>
              <a:t> </a:t>
            </a:r>
            <a:r>
              <a:rPr lang="en-GB" sz="2600" b="0" i="1" dirty="0" err="1"/>
              <a:t>ja</a:t>
            </a:r>
            <a:r>
              <a:rPr lang="en-GB" sz="2600" b="0" i="1" dirty="0"/>
              <a:t> Balti </a:t>
            </a:r>
            <a:r>
              <a:rPr lang="en-GB" sz="2600" b="0" i="1" dirty="0" err="1"/>
              <a:t>riikide</a:t>
            </a:r>
            <a:r>
              <a:rPr lang="en-GB" sz="2600" b="0" i="1" dirty="0"/>
              <a:t> </a:t>
            </a:r>
            <a:r>
              <a:rPr lang="en-GB" sz="2600" b="0" i="1" dirty="0" err="1"/>
              <a:t>kunsti</a:t>
            </a:r>
            <a:r>
              <a:rPr lang="en-GB" sz="2600" b="0" i="1" dirty="0"/>
              <a:t> </a:t>
            </a:r>
            <a:r>
              <a:rPr lang="en-GB" sz="2600" b="0" i="1" dirty="0" err="1"/>
              <a:t>ja</a:t>
            </a:r>
            <a:r>
              <a:rPr lang="en-GB" sz="2600" b="0" i="1" dirty="0"/>
              <a:t> </a:t>
            </a:r>
            <a:r>
              <a:rPr lang="en-GB" sz="2600" b="0" i="1" dirty="0" err="1"/>
              <a:t>kultuuri</a:t>
            </a:r>
            <a:r>
              <a:rPr lang="en-GB" sz="2600" b="0" i="1" dirty="0"/>
              <a:t> </a:t>
            </a:r>
            <a:r>
              <a:rPr lang="en-GB" sz="2600" b="0" i="1" dirty="0" err="1"/>
              <a:t>vastu</a:t>
            </a:r>
            <a:r>
              <a:rPr lang="en-GB" sz="2600" b="0" i="1" dirty="0"/>
              <a:t>.</a:t>
            </a:r>
            <a:endParaRPr kumimoji="0" lang="sv-SE" sz="4400" b="1" i="1" u="none" strike="noStrike" kern="1200" cap="none" spc="0" normalizeH="0" baseline="0" noProof="0" dirty="0">
              <a:ln>
                <a:noFill/>
              </a:ln>
              <a:solidFill>
                <a:srgbClr val="385988"/>
              </a:solidFill>
              <a:effectLst/>
              <a:uLnTx/>
              <a:uFillTx/>
              <a:latin typeface="Corbel" panose="020B0503020204020204" pitchFamily="34" charset="0"/>
              <a:ea typeface="+mj-ea"/>
              <a:cs typeface="+mj-cs"/>
            </a:endParaRPr>
          </a:p>
          <a:p>
            <a:pPr marL="0" marR="0" lvl="0" indent="0" algn="l" defTabSz="914400" rtl="0" eaLnBrk="1" fontAlgn="auto" latinLnBrk="0" hangingPunct="1">
              <a:lnSpc>
                <a:spcPct val="87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4400" b="1" i="1" u="none" strike="noStrike" kern="1200" cap="none" spc="0" normalizeH="0" baseline="0" noProof="0" dirty="0">
              <a:ln>
                <a:noFill/>
              </a:ln>
              <a:solidFill>
                <a:srgbClr val="385988"/>
              </a:solidFill>
              <a:effectLst/>
              <a:uLnTx/>
              <a:uFillTx/>
              <a:latin typeface="Corbel" panose="020B0503020204020204" pitchFamily="34" charset="0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1687552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objekt 5">
            <a:extLst>
              <a:ext uri="{FF2B5EF4-FFF2-40B4-BE49-F238E27FC236}">
                <a16:creationId xmlns:a16="http://schemas.microsoft.com/office/drawing/2014/main" id="{6BCE5D64-292E-391B-2409-D98BAFD43C7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810228"/>
            <a:ext cx="11146420" cy="5181121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2083" y="1747217"/>
            <a:ext cx="10637958" cy="3787610"/>
          </a:xfrm>
        </p:spPr>
        <p:txBody>
          <a:bodyPr rtlCol="0"/>
          <a:lstStyle/>
          <a:p>
            <a:pPr marL="0" indent="0" rtl="0">
              <a:buNone/>
            </a:pPr>
            <a:r>
              <a:rPr lang="et-EE" sz="2400" dirty="0">
                <a:solidFill>
                  <a:schemeClr val="accent2"/>
                </a:solidFill>
              </a:rPr>
              <a:t>Reisitoetust saavad taotleda kunsti- ja kultuurisektori professionaalid, et reisida ja viibida teises Põhja- </a:t>
            </a:r>
            <a:r>
              <a:rPr lang="et-EE" sz="2400">
                <a:solidFill>
                  <a:schemeClr val="accent2"/>
                </a:solidFill>
              </a:rPr>
              <a:t>või Baltimaas</a:t>
            </a:r>
            <a:r>
              <a:rPr lang="en-gb" sz="2400">
                <a:solidFill>
                  <a:schemeClr val="accent2"/>
                </a:solidFill>
              </a:rPr>
              <a:t>.</a:t>
            </a:r>
            <a:endParaRPr lang="da-DK" sz="2400" dirty="0">
              <a:solidFill>
                <a:schemeClr val="accent2"/>
              </a:solidFill>
            </a:endParaRPr>
          </a:p>
          <a:p>
            <a:pPr marL="0" indent="0" rtl="0">
              <a:buNone/>
            </a:pPr>
            <a:endParaRPr lang="da-DK" sz="2400" dirty="0">
              <a:solidFill>
                <a:schemeClr val="accent3">
                  <a:lumMod val="50000"/>
                </a:schemeClr>
              </a:solidFill>
            </a:endParaRPr>
          </a:p>
          <a:p>
            <a:pPr rtl="0"/>
            <a:r>
              <a:rPr lang="et-EE" sz="2400" dirty="0"/>
              <a:t>Toetust antakse üksikisikutele, kes on Põhja- või Baltimaade residendid</a:t>
            </a:r>
            <a:r>
              <a:rPr lang="en-gb" sz="2400" dirty="0"/>
              <a:t>. </a:t>
            </a:r>
          </a:p>
          <a:p>
            <a:pPr marL="0" indent="0" rtl="0">
              <a:buNone/>
            </a:pPr>
            <a:endParaRPr lang="sv-SE" sz="2400" dirty="0"/>
          </a:p>
          <a:p>
            <a:pPr rtl="0"/>
            <a:r>
              <a:rPr lang="et-EE" sz="2400" dirty="0"/>
              <a:t>Toetusest võib reisida mitmesse sihtkohta ühe reisi jooksul</a:t>
            </a:r>
            <a:r>
              <a:rPr lang="en-gb" sz="2400" dirty="0"/>
              <a:t>. </a:t>
            </a:r>
          </a:p>
          <a:p>
            <a:pPr marL="0" indent="0" rtl="0">
              <a:buNone/>
            </a:pPr>
            <a:endParaRPr lang="sv-SE" sz="2400" dirty="0"/>
          </a:p>
          <a:p>
            <a:pPr rtl="0"/>
            <a:r>
              <a:rPr lang="et-EE" sz="2400" dirty="0">
                <a:solidFill>
                  <a:schemeClr val="accent3">
                    <a:lumMod val="50000"/>
                  </a:schemeClr>
                </a:solidFill>
              </a:rPr>
              <a:t>Toetus katab reisi ja/või ööbimise kuni 14 päevaks teises Põhja- või Baltimaas.</a:t>
            </a:r>
          </a:p>
          <a:p>
            <a:pPr rtl="0"/>
            <a:endParaRPr lang="et-EE" sz="2400" dirty="0">
              <a:solidFill>
                <a:schemeClr val="accent3">
                  <a:lumMod val="50000"/>
                </a:schemeClr>
              </a:solidFill>
            </a:endParaRPr>
          </a:p>
          <a:p>
            <a:pPr rtl="0"/>
            <a:r>
              <a:rPr lang="et-EE" sz="2400" dirty="0">
                <a:solidFill>
                  <a:schemeClr val="accent3">
                    <a:lumMod val="50000"/>
                  </a:schemeClr>
                </a:solidFill>
              </a:rPr>
              <a:t>Taotlusele peab olema lisatud kutse. </a:t>
            </a:r>
            <a:br>
              <a:rPr lang="da-DK" sz="2400" dirty="0">
                <a:solidFill>
                  <a:schemeClr val="accent3">
                    <a:lumMod val="50000"/>
                  </a:schemeClr>
                </a:solidFill>
              </a:rPr>
            </a:br>
            <a:endParaRPr lang="da-DK" sz="2400" dirty="0">
              <a:solidFill>
                <a:schemeClr val="accent3">
                  <a:lumMod val="50000"/>
                </a:schemeClr>
              </a:solidFill>
            </a:endParaRPr>
          </a:p>
          <a:p>
            <a:pPr marL="0" indent="0" rtl="0">
              <a:buNone/>
            </a:pPr>
            <a:endParaRPr lang="sv-SE" sz="3200" dirty="0"/>
          </a:p>
          <a:p>
            <a:pPr marL="0" indent="0" rtl="0">
              <a:buNone/>
            </a:pPr>
            <a:endParaRPr lang="da-DK" sz="3200" dirty="0">
              <a:solidFill>
                <a:schemeClr val="accent3">
                  <a:lumMod val="50000"/>
                </a:schemeClr>
              </a:solidFill>
              <a:latin typeface="Corbel" panose="020B0503020204020204" pitchFamily="34" charset="0"/>
            </a:endParaRPr>
          </a:p>
          <a:p>
            <a:pPr marL="0" indent="0" rtl="0">
              <a:buNone/>
            </a:pPr>
            <a:endParaRPr lang="en-US" sz="3200" dirty="0">
              <a:solidFill>
                <a:schemeClr val="accent3">
                  <a:lumMod val="50000"/>
                </a:schemeClr>
              </a:solidFill>
              <a:latin typeface="Corbel" panose="020B0503020204020204" pitchFamily="34" charset="0"/>
            </a:endParaRPr>
          </a:p>
          <a:p>
            <a:pPr marL="0" indent="0" rtl="0">
              <a:buNone/>
            </a:pPr>
            <a:endParaRPr lang="da-DK" sz="3200" dirty="0">
              <a:solidFill>
                <a:schemeClr val="accent3">
                  <a:lumMod val="50000"/>
                </a:schemeClr>
              </a:solidFill>
            </a:endParaRPr>
          </a:p>
          <a:p>
            <a:pPr marL="0" indent="0" rtl="0">
              <a:buNone/>
            </a:pPr>
            <a:endParaRPr lang="da-DK" sz="3200" dirty="0">
              <a:solidFill>
                <a:schemeClr val="accent3">
                  <a:lumMod val="50000"/>
                </a:schemeClr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2083" y="251460"/>
            <a:ext cx="10836932" cy="1406079"/>
          </a:xfrm>
        </p:spPr>
        <p:txBody>
          <a:bodyPr rtlCol="0"/>
          <a:lstStyle/>
          <a:p>
            <a:pPr rtl="0"/>
            <a:r>
              <a:rPr lang="et-EE" dirty="0"/>
              <a:t>Reisitoetus</a:t>
            </a:r>
            <a:endParaRPr lang="en-gb" sz="6000" dirty="0"/>
          </a:p>
        </p:txBody>
      </p:sp>
      <p:pic>
        <p:nvPicPr>
          <p:cNvPr id="5" name="Bildobjekt 4" descr="En bild som visar mönster, pixel, design&#10;&#10;AI-genererat innehåll kan vara felaktigt.">
            <a:extLst>
              <a:ext uri="{FF2B5EF4-FFF2-40B4-BE49-F238E27FC236}">
                <a16:creationId xmlns:a16="http://schemas.microsoft.com/office/drawing/2014/main" id="{1943336A-2558-4437-B571-503C2185E3F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25381" y="866651"/>
            <a:ext cx="959735" cy="95973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015737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DC4001F-D5C7-15C4-0C7E-FBE0BF0660C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objekt 5">
            <a:extLst>
              <a:ext uri="{FF2B5EF4-FFF2-40B4-BE49-F238E27FC236}">
                <a16:creationId xmlns:a16="http://schemas.microsoft.com/office/drawing/2014/main" id="{960BF87D-E394-CB19-317E-1E1AA2B5F80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03363" y="978195"/>
            <a:ext cx="11146420" cy="5092322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A058C0-E222-4C71-3BE9-10E18ECA935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2985" y="1747217"/>
            <a:ext cx="9482253" cy="4227301"/>
          </a:xfrm>
        </p:spPr>
        <p:txBody>
          <a:bodyPr/>
          <a:lstStyle/>
          <a:p>
            <a:pPr marL="0" indent="0">
              <a:buNone/>
            </a:pPr>
            <a:r>
              <a:rPr lang="et-EE" b="1" dirty="0"/>
              <a:t>Rahastust saab taotleda</a:t>
            </a:r>
            <a:r>
              <a:rPr lang="sv-SE" b="1" dirty="0"/>
              <a:t>:</a:t>
            </a:r>
          </a:p>
          <a:p>
            <a:pPr lvl="0">
              <a:buFont typeface="Arial" panose="020B0604020202020204" pitchFamily="34" charset="0"/>
              <a:buChar char="•"/>
            </a:pPr>
            <a:r>
              <a:rPr lang="et-EE" sz="2000" dirty="0"/>
              <a:t>koostööks kolleegidega teises Põhja- või Baltimaas </a:t>
            </a:r>
          </a:p>
          <a:p>
            <a:pPr lvl="0">
              <a:buFont typeface="Arial" panose="020B0604020202020204" pitchFamily="34" charset="0"/>
              <a:buChar char="•"/>
            </a:pPr>
            <a:r>
              <a:rPr lang="et-EE" sz="2000" dirty="0"/>
              <a:t>külalisetenduseks või -näituseks</a:t>
            </a:r>
            <a:endParaRPr lang="sv-SE" sz="2000" dirty="0"/>
          </a:p>
          <a:p>
            <a:pPr lvl="0">
              <a:buFont typeface="Arial" panose="020B0604020202020204" pitchFamily="34" charset="0"/>
              <a:buChar char="•"/>
            </a:pPr>
            <a:r>
              <a:rPr lang="et-EE" sz="2000" dirty="0"/>
              <a:t>osalemiseks konverentsil, koosolekul või töötoas</a:t>
            </a:r>
            <a:endParaRPr lang="sv-SE" sz="2000" dirty="0"/>
          </a:p>
          <a:p>
            <a:pPr lvl="0">
              <a:buFont typeface="Arial" panose="020B0604020202020204" pitchFamily="34" charset="0"/>
              <a:buChar char="•"/>
            </a:pPr>
            <a:r>
              <a:rPr lang="et-EE" sz="2000" dirty="0"/>
              <a:t>loomevaldkonna uurimistööks</a:t>
            </a:r>
            <a:endParaRPr lang="sv-SE" sz="2000" dirty="0"/>
          </a:p>
          <a:p>
            <a:pPr marL="0" indent="0">
              <a:buNone/>
            </a:pPr>
            <a:br>
              <a:rPr lang="sv-SE" dirty="0"/>
            </a:br>
            <a:r>
              <a:rPr lang="et-EE" b="1" dirty="0"/>
              <a:t>Ei rahastata</a:t>
            </a:r>
            <a:r>
              <a:rPr lang="sv-SE" b="1" dirty="0"/>
              <a:t>:</a:t>
            </a:r>
          </a:p>
          <a:p>
            <a:pPr lvl="0">
              <a:buFont typeface="Arial" panose="020B0604020202020204" pitchFamily="34" charset="0"/>
              <a:buChar char="•"/>
            </a:pPr>
            <a:r>
              <a:rPr lang="et-EE" sz="2000" dirty="0"/>
              <a:t>reisi koduriigis</a:t>
            </a:r>
            <a:endParaRPr lang="sv-SE" sz="2000" dirty="0"/>
          </a:p>
          <a:p>
            <a:pPr lvl="0">
              <a:buFont typeface="Arial" panose="020B0604020202020204" pitchFamily="34" charset="0"/>
              <a:buChar char="•"/>
            </a:pPr>
            <a:r>
              <a:rPr lang="et-EE" sz="2000" dirty="0"/>
              <a:t>reisi väljaspool regiooni</a:t>
            </a:r>
            <a:endParaRPr lang="sv-SE" sz="2000" dirty="0"/>
          </a:p>
          <a:p>
            <a:pPr lvl="0">
              <a:buFont typeface="Arial" panose="020B0604020202020204" pitchFamily="34" charset="0"/>
              <a:buChar char="•"/>
            </a:pPr>
            <a:r>
              <a:rPr lang="et-EE" sz="2000" dirty="0"/>
              <a:t>reisi, mis on ametlikult õppetöö osa</a:t>
            </a:r>
            <a:endParaRPr lang="sv-SE" sz="2000" dirty="0"/>
          </a:p>
          <a:p>
            <a:pPr lvl="0">
              <a:buFont typeface="Arial" panose="020B0604020202020204" pitchFamily="34" charset="0"/>
              <a:buChar char="•"/>
            </a:pPr>
            <a:r>
              <a:rPr lang="et-EE" sz="2000" dirty="0"/>
              <a:t>organisatsiooni- või ärireisi</a:t>
            </a:r>
            <a:endParaRPr lang="sv-SE" sz="2000" dirty="0"/>
          </a:p>
          <a:p>
            <a:pPr lvl="0">
              <a:buFont typeface="Arial" panose="020B0604020202020204" pitchFamily="34" charset="0"/>
              <a:buChar char="•"/>
            </a:pPr>
            <a:r>
              <a:rPr lang="et-EE" sz="2000" dirty="0"/>
              <a:t>avaliku sektori töötajate ametireise</a:t>
            </a:r>
            <a:endParaRPr lang="en-US" sz="2000" dirty="0">
              <a:solidFill>
                <a:schemeClr val="accent3">
                  <a:lumMod val="50000"/>
                </a:schemeClr>
              </a:solidFill>
              <a:latin typeface="Corbel" panose="020B0503020204020204" pitchFamily="34" charset="0"/>
            </a:endParaRPr>
          </a:p>
          <a:p>
            <a:pPr marL="0" indent="0">
              <a:buNone/>
            </a:pPr>
            <a:endParaRPr lang="da-DK" sz="2000" dirty="0">
              <a:solidFill>
                <a:schemeClr val="accent3">
                  <a:lumMod val="50000"/>
                </a:schemeClr>
              </a:solidFill>
            </a:endParaRPr>
          </a:p>
          <a:p>
            <a:pPr marL="0" indent="0">
              <a:buNone/>
            </a:pPr>
            <a:endParaRPr lang="da-DK" sz="2000" dirty="0">
              <a:solidFill>
                <a:schemeClr val="accent3">
                  <a:lumMod val="50000"/>
                </a:schemeClr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2A9725D-BC56-2EBF-7216-C0CA558860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8174" y="393974"/>
            <a:ext cx="10676798" cy="1168441"/>
          </a:xfrm>
        </p:spPr>
        <p:txBody>
          <a:bodyPr/>
          <a:lstStyle/>
          <a:p>
            <a:r>
              <a:rPr lang="et-EE" dirty="0"/>
              <a:t>Reisi eesmärk</a:t>
            </a:r>
            <a:endParaRPr lang="da-DK" dirty="0"/>
          </a:p>
        </p:txBody>
      </p:sp>
      <p:pic>
        <p:nvPicPr>
          <p:cNvPr id="8" name="Bildobjekt 7">
            <a:extLst>
              <a:ext uri="{FF2B5EF4-FFF2-40B4-BE49-F238E27FC236}">
                <a16:creationId xmlns:a16="http://schemas.microsoft.com/office/drawing/2014/main" id="{1A74EB19-73BF-D58A-C8A6-4E59AE53AAA3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72984" y="787483"/>
            <a:ext cx="959734" cy="95973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3615016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objekt 5">
            <a:extLst>
              <a:ext uri="{FF2B5EF4-FFF2-40B4-BE49-F238E27FC236}">
                <a16:creationId xmlns:a16="http://schemas.microsoft.com/office/drawing/2014/main" id="{118E78DF-34C9-B430-961E-5C5D8184B07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0404" y="1123042"/>
            <a:ext cx="10929445" cy="500500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0404" y="342661"/>
            <a:ext cx="10836932" cy="1285875"/>
          </a:xfrm>
        </p:spPr>
        <p:txBody>
          <a:bodyPr rtlCol="0"/>
          <a:lstStyle/>
          <a:p>
            <a:pPr rtl="0"/>
            <a:r>
              <a:rPr lang="et-EE" dirty="0"/>
              <a:t>Võrgustike toetused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20404" y="1397930"/>
            <a:ext cx="9665684" cy="4788308"/>
          </a:xfrm>
        </p:spPr>
        <p:txBody>
          <a:bodyPr rtlCol="0"/>
          <a:lstStyle/>
          <a:p>
            <a:pPr marL="0" indent="0" rtl="0">
              <a:buNone/>
            </a:pPr>
            <a:r>
              <a:rPr lang="et-EE" sz="2400" dirty="0"/>
              <a:t>Võrgustike toetused soodustavad kunsti- ja kultuurivaldkonna professionaalide vahelist teadmiste ja ideede vahetust. </a:t>
            </a:r>
          </a:p>
          <a:p>
            <a:pPr marL="0" indent="0" rtl="0">
              <a:buNone/>
            </a:pPr>
            <a:endParaRPr lang="sv-SE" sz="2400" dirty="0"/>
          </a:p>
          <a:p>
            <a:pPr rtl="0"/>
            <a:r>
              <a:rPr lang="et-EE" sz="2400" dirty="0"/>
              <a:t>Toetust saavad võrgustikud, millel on partnereid kolmest Põhja- ja/või Baltimaast</a:t>
            </a:r>
          </a:p>
          <a:p>
            <a:pPr marL="0" indent="0" rtl="0">
              <a:buNone/>
            </a:pPr>
            <a:endParaRPr lang="en-gb" sz="2400" dirty="0">
              <a:solidFill>
                <a:schemeClr val="accent3">
                  <a:lumMod val="50000"/>
                </a:schemeClr>
              </a:solidFill>
            </a:endParaRPr>
          </a:p>
          <a:p>
            <a:r>
              <a:rPr lang="et-EE" sz="2400" dirty="0">
                <a:solidFill>
                  <a:schemeClr val="accent2"/>
                </a:solidFill>
              </a:rPr>
              <a:t>Partnerid võivad olla organisatsioonid või grupid või mõlemad</a:t>
            </a:r>
          </a:p>
          <a:p>
            <a:pPr marL="0" indent="0">
              <a:buNone/>
            </a:pPr>
            <a:endParaRPr lang="da-DK" sz="2400" b="1" dirty="0">
              <a:solidFill>
                <a:schemeClr val="accent2"/>
              </a:solidFill>
            </a:endParaRPr>
          </a:p>
          <a:p>
            <a:r>
              <a:rPr lang="et-EE" sz="2400" dirty="0"/>
              <a:t>Võrgustiku tegevused võivad näiteks olla: koosolekud, konverentsid, töötoad, töövahetusreisid ja ühine väljaõpe</a:t>
            </a:r>
            <a:br>
              <a:rPr lang="en-gb" sz="2400" dirty="0"/>
            </a:br>
            <a:endParaRPr lang="en-gb" sz="2400" dirty="0"/>
          </a:p>
          <a:p>
            <a:r>
              <a:rPr lang="et-EE" sz="2400" dirty="0">
                <a:solidFill>
                  <a:schemeClr val="accent2"/>
                </a:solidFill>
              </a:rPr>
              <a:t>Ei ole mõeldud loometööks, produktsiooniks või tuurideks. Aga pikaajaline eesmärk võib olla ühine loometöö. </a:t>
            </a:r>
            <a:endParaRPr lang="en-gb" sz="2400" dirty="0"/>
          </a:p>
          <a:p>
            <a:endParaRPr lang="en-gb" sz="2400" dirty="0"/>
          </a:p>
          <a:p>
            <a:pPr rtl="0"/>
            <a:endParaRPr lang="da-DK" sz="3200" dirty="0">
              <a:solidFill>
                <a:schemeClr val="accent2"/>
              </a:solidFill>
            </a:endParaRPr>
          </a:p>
          <a:p>
            <a:pPr rtl="0"/>
            <a:endParaRPr lang="da-DK" sz="3200" dirty="0">
              <a:solidFill>
                <a:schemeClr val="accent2"/>
              </a:solidFill>
            </a:endParaRPr>
          </a:p>
        </p:txBody>
      </p:sp>
      <p:pic>
        <p:nvPicPr>
          <p:cNvPr id="5" name="Bildobjekt 4" descr="En bild som visar mönster, pixel, design&#10;&#10;AI-genererat innehåll kan vara felaktigt.">
            <a:extLst>
              <a:ext uri="{FF2B5EF4-FFF2-40B4-BE49-F238E27FC236}">
                <a16:creationId xmlns:a16="http://schemas.microsoft.com/office/drawing/2014/main" id="{14C595EF-4496-D6A4-0C49-87579FBBD558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44619" y="905314"/>
            <a:ext cx="985232" cy="98523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163535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695488E-77F1-06B2-03B1-6C36DE4F5F8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objekt 5">
            <a:extLst>
              <a:ext uri="{FF2B5EF4-FFF2-40B4-BE49-F238E27FC236}">
                <a16:creationId xmlns:a16="http://schemas.microsoft.com/office/drawing/2014/main" id="{08F9C2DD-1367-A410-5D6D-CB0CA4980F1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2919" y="1014601"/>
            <a:ext cx="10836932" cy="5174326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BE23E8B-60E0-2974-8249-FCFBDA12A7C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2083" y="371664"/>
            <a:ext cx="10836932" cy="1285875"/>
          </a:xfrm>
        </p:spPr>
        <p:txBody>
          <a:bodyPr rtlCol="0"/>
          <a:lstStyle/>
          <a:p>
            <a:pPr rtl="0"/>
            <a:r>
              <a:rPr lang="et-EE" dirty="0"/>
              <a:t>Võrgustike toetused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4A802AB-E17F-6828-304A-B0DA7ADF678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5623" y="1211957"/>
            <a:ext cx="9458996" cy="4789917"/>
          </a:xfrm>
        </p:spPr>
        <p:txBody>
          <a:bodyPr rtlCol="0"/>
          <a:lstStyle/>
          <a:p>
            <a:pPr marL="0" indent="0">
              <a:buNone/>
            </a:pPr>
            <a:endParaRPr lang="en-GB" sz="2400" dirty="0">
              <a:solidFill>
                <a:schemeClr val="accent2"/>
              </a:solidFill>
            </a:endParaRPr>
          </a:p>
          <a:p>
            <a:r>
              <a:rPr lang="et-EE" sz="2400" b="1" dirty="0">
                <a:solidFill>
                  <a:schemeClr val="accent2"/>
                </a:solidFill>
              </a:rPr>
              <a:t>Lühiajalised võrgustikuprojektid</a:t>
            </a:r>
            <a:r>
              <a:rPr lang="en-gb" sz="2400" b="1" dirty="0"/>
              <a:t>:</a:t>
            </a:r>
            <a:r>
              <a:rPr lang="en-gb" sz="2400" b="1" dirty="0">
                <a:solidFill>
                  <a:schemeClr val="accent2"/>
                </a:solidFill>
              </a:rPr>
              <a:t>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t-EE" sz="2400" dirty="0">
                <a:solidFill>
                  <a:schemeClr val="accent2"/>
                </a:solidFill>
              </a:rPr>
              <a:t>kuni</a:t>
            </a:r>
            <a:r>
              <a:rPr lang="en-gb" sz="2400" dirty="0">
                <a:solidFill>
                  <a:schemeClr val="accent2"/>
                </a:solidFill>
              </a:rPr>
              <a:t> 20,000</a:t>
            </a:r>
            <a:r>
              <a:rPr lang="et-EE" sz="2400" dirty="0">
                <a:solidFill>
                  <a:schemeClr val="accent2"/>
                </a:solidFill>
              </a:rPr>
              <a:t> EUR</a:t>
            </a:r>
            <a:r>
              <a:rPr lang="en-gb" sz="2400" dirty="0">
                <a:solidFill>
                  <a:schemeClr val="accent2"/>
                </a:solidFill>
              </a:rPr>
              <a:t> (</a:t>
            </a:r>
            <a:r>
              <a:rPr lang="et-EE" sz="2400" dirty="0">
                <a:solidFill>
                  <a:schemeClr val="accent2"/>
                </a:solidFill>
              </a:rPr>
              <a:t>maksimaalselt</a:t>
            </a:r>
            <a:r>
              <a:rPr lang="en-gb" sz="2400" dirty="0">
                <a:solidFill>
                  <a:schemeClr val="accent2"/>
                </a:solidFill>
              </a:rPr>
              <a:t> 70% </a:t>
            </a:r>
            <a:r>
              <a:rPr lang="et-EE" sz="2400" dirty="0">
                <a:solidFill>
                  <a:schemeClr val="accent2"/>
                </a:solidFill>
              </a:rPr>
              <a:t>kogueelarvest</a:t>
            </a:r>
            <a:r>
              <a:rPr lang="en-gb" sz="2400" dirty="0">
                <a:solidFill>
                  <a:schemeClr val="accent2"/>
                </a:solidFill>
              </a:rPr>
              <a:t>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t-EE" sz="2400" dirty="0">
                <a:solidFill>
                  <a:schemeClr val="accent2"/>
                </a:solidFill>
              </a:rPr>
              <a:t>kuni 1 aasta</a:t>
            </a:r>
            <a:endParaRPr lang="en-GB" sz="2400" dirty="0">
              <a:solidFill>
                <a:schemeClr val="accent2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t-EE" sz="2400" dirty="0">
                <a:solidFill>
                  <a:schemeClr val="accent2"/>
                </a:solidFill>
              </a:rPr>
              <a:t>2 taotlusvooru aastas</a:t>
            </a:r>
            <a:r>
              <a:rPr lang="en-GB" sz="2400" dirty="0">
                <a:solidFill>
                  <a:schemeClr val="accent2"/>
                </a:solidFill>
              </a:rPr>
              <a:t> (</a:t>
            </a:r>
            <a:r>
              <a:rPr lang="et-EE" sz="2400" dirty="0">
                <a:solidFill>
                  <a:schemeClr val="accent2"/>
                </a:solidFill>
              </a:rPr>
              <a:t>kevadel</a:t>
            </a:r>
            <a:r>
              <a:rPr lang="en-GB" sz="2400" dirty="0">
                <a:solidFill>
                  <a:schemeClr val="accent2"/>
                </a:solidFill>
              </a:rPr>
              <a:t> &amp; </a:t>
            </a:r>
            <a:r>
              <a:rPr lang="et-EE" sz="2400" dirty="0">
                <a:solidFill>
                  <a:schemeClr val="accent2"/>
                </a:solidFill>
              </a:rPr>
              <a:t>sügisel</a:t>
            </a:r>
            <a:r>
              <a:rPr lang="en-GB" sz="2400" dirty="0">
                <a:solidFill>
                  <a:schemeClr val="accent2"/>
                </a:solidFill>
              </a:rPr>
              <a:t>)</a:t>
            </a:r>
            <a:br>
              <a:rPr lang="en-GB" sz="2400" dirty="0">
                <a:solidFill>
                  <a:schemeClr val="accent2"/>
                </a:solidFill>
              </a:rPr>
            </a:br>
            <a:endParaRPr lang="en-gb" sz="2400" dirty="0">
              <a:solidFill>
                <a:schemeClr val="accent2"/>
              </a:solidFill>
            </a:endParaRPr>
          </a:p>
          <a:p>
            <a:r>
              <a:rPr lang="et-EE" sz="2400" b="1" dirty="0">
                <a:solidFill>
                  <a:schemeClr val="accent2"/>
                </a:solidFill>
              </a:rPr>
              <a:t>Pikaajalised võrgustikuprojektid</a:t>
            </a:r>
            <a:r>
              <a:rPr lang="en-gb" sz="2400" b="1" dirty="0"/>
              <a:t>:</a:t>
            </a:r>
            <a:r>
              <a:rPr lang="en-gb" sz="2400" b="1" dirty="0">
                <a:solidFill>
                  <a:schemeClr val="accent2"/>
                </a:solidFill>
              </a:rPr>
              <a:t>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t-EE" sz="2400" dirty="0">
                <a:solidFill>
                  <a:schemeClr val="accent2"/>
                </a:solidFill>
              </a:rPr>
              <a:t>kuni</a:t>
            </a:r>
            <a:r>
              <a:rPr lang="en-gb" sz="2400" dirty="0">
                <a:solidFill>
                  <a:schemeClr val="accent2"/>
                </a:solidFill>
              </a:rPr>
              <a:t> 100,000</a:t>
            </a:r>
            <a:r>
              <a:rPr lang="et-EE" sz="2400" dirty="0">
                <a:solidFill>
                  <a:schemeClr val="accent2"/>
                </a:solidFill>
              </a:rPr>
              <a:t> EUR</a:t>
            </a:r>
            <a:r>
              <a:rPr lang="en-gb" sz="2400" dirty="0">
                <a:solidFill>
                  <a:schemeClr val="accent2"/>
                </a:solidFill>
              </a:rPr>
              <a:t> (</a:t>
            </a:r>
            <a:r>
              <a:rPr lang="et-EE" sz="2400" dirty="0">
                <a:solidFill>
                  <a:schemeClr val="accent2"/>
                </a:solidFill>
              </a:rPr>
              <a:t>maksimaalselt</a:t>
            </a:r>
            <a:r>
              <a:rPr lang="en-gb" sz="2400" dirty="0">
                <a:solidFill>
                  <a:schemeClr val="accent2"/>
                </a:solidFill>
              </a:rPr>
              <a:t> 50% </a:t>
            </a:r>
            <a:r>
              <a:rPr lang="et-EE" sz="2400" dirty="0">
                <a:solidFill>
                  <a:schemeClr val="accent2"/>
                </a:solidFill>
              </a:rPr>
              <a:t>kogueelarvest</a:t>
            </a:r>
            <a:r>
              <a:rPr lang="en-gb" sz="2400" dirty="0">
                <a:solidFill>
                  <a:schemeClr val="accent2"/>
                </a:solidFill>
              </a:rPr>
              <a:t>)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accent2"/>
                </a:solidFill>
              </a:rPr>
              <a:t>~ 2,5 </a:t>
            </a:r>
            <a:r>
              <a:rPr lang="et-EE" sz="2400" dirty="0">
                <a:solidFill>
                  <a:schemeClr val="accent2"/>
                </a:solidFill>
              </a:rPr>
              <a:t>aastat</a:t>
            </a:r>
            <a:r>
              <a:rPr lang="en-GB" sz="2400" dirty="0">
                <a:solidFill>
                  <a:schemeClr val="accent2"/>
                </a:solidFill>
              </a:rPr>
              <a:t> (</a:t>
            </a:r>
            <a:r>
              <a:rPr lang="et-EE" sz="2400" dirty="0">
                <a:solidFill>
                  <a:schemeClr val="accent2"/>
                </a:solidFill>
              </a:rPr>
              <a:t>toetuse andmise otsuse aasta </a:t>
            </a:r>
            <a:r>
              <a:rPr lang="en-GB" sz="2400" dirty="0">
                <a:solidFill>
                  <a:schemeClr val="accent2"/>
                </a:solidFill>
              </a:rPr>
              <a:t>+ 2 </a:t>
            </a:r>
            <a:r>
              <a:rPr lang="et-EE" sz="2400" dirty="0">
                <a:solidFill>
                  <a:schemeClr val="accent2"/>
                </a:solidFill>
              </a:rPr>
              <a:t>aastat</a:t>
            </a:r>
            <a:r>
              <a:rPr lang="en-GB" sz="2400" dirty="0">
                <a:solidFill>
                  <a:schemeClr val="accent2"/>
                </a:solidFill>
              </a:rPr>
              <a:t>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accent2"/>
                </a:solidFill>
              </a:rPr>
              <a:t>1 </a:t>
            </a:r>
            <a:r>
              <a:rPr lang="et-EE" sz="2400" dirty="0">
                <a:solidFill>
                  <a:schemeClr val="accent2"/>
                </a:solidFill>
              </a:rPr>
              <a:t>taotlusvoor</a:t>
            </a:r>
            <a:r>
              <a:rPr lang="en-GB" sz="2400" dirty="0">
                <a:solidFill>
                  <a:schemeClr val="accent2"/>
                </a:solidFill>
              </a:rPr>
              <a:t> (</a:t>
            </a:r>
            <a:r>
              <a:rPr lang="et-EE" sz="2400" dirty="0">
                <a:solidFill>
                  <a:schemeClr val="accent2"/>
                </a:solidFill>
              </a:rPr>
              <a:t>kevadel</a:t>
            </a:r>
            <a:r>
              <a:rPr lang="en-GB" sz="2400" dirty="0">
                <a:solidFill>
                  <a:schemeClr val="accent2"/>
                </a:solidFill>
              </a:rPr>
              <a:t>)</a:t>
            </a:r>
            <a:br>
              <a:rPr lang="en-GB" sz="2400" dirty="0">
                <a:solidFill>
                  <a:schemeClr val="accent2"/>
                </a:solidFill>
              </a:rPr>
            </a:br>
            <a:endParaRPr lang="en-gb" sz="2400" dirty="0">
              <a:solidFill>
                <a:schemeClr val="accent2"/>
              </a:solidFill>
            </a:endParaRPr>
          </a:p>
          <a:p>
            <a:pPr marL="0" indent="0">
              <a:buNone/>
            </a:pPr>
            <a:r>
              <a:rPr lang="et-EE" dirty="0">
                <a:solidFill>
                  <a:schemeClr val="accent2"/>
                </a:solidFill>
              </a:rPr>
              <a:t>Hinnatakse</a:t>
            </a:r>
            <a:r>
              <a:rPr lang="da-DK" dirty="0">
                <a:solidFill>
                  <a:schemeClr val="accent2"/>
                </a:solidFill>
              </a:rPr>
              <a:t>:</a:t>
            </a:r>
            <a:r>
              <a:rPr lang="et-EE" dirty="0">
                <a:solidFill>
                  <a:schemeClr val="accent2"/>
                </a:solidFill>
              </a:rPr>
              <a:t> selged eesmärgid ja ajaraam, kvaliteet ja koostöö, kommunikatsioon, Põhja- ja Baltimaade dimensioon ja jätkusuutlikkus</a:t>
            </a:r>
            <a:endParaRPr lang="sv-FI" dirty="0"/>
          </a:p>
          <a:p>
            <a:pPr marL="0" indent="0">
              <a:buNone/>
            </a:pPr>
            <a:endParaRPr lang="sv-FI" dirty="0"/>
          </a:p>
          <a:p>
            <a:pPr marL="0" indent="0">
              <a:buNone/>
            </a:pPr>
            <a:endParaRPr lang="sv-FI" dirty="0"/>
          </a:p>
          <a:p>
            <a:pPr marL="0" indent="0">
              <a:buNone/>
            </a:pPr>
            <a:endParaRPr lang="da-DK" sz="3200" dirty="0">
              <a:solidFill>
                <a:schemeClr val="accent2"/>
              </a:solidFill>
            </a:endParaRPr>
          </a:p>
          <a:p>
            <a:pPr marL="0" indent="0">
              <a:buNone/>
            </a:pPr>
            <a:endParaRPr lang="da-DK" sz="3200" dirty="0">
              <a:solidFill>
                <a:schemeClr val="accent2"/>
              </a:solidFill>
            </a:endParaRPr>
          </a:p>
          <a:p>
            <a:pPr marL="0" indent="0">
              <a:buNone/>
            </a:pPr>
            <a:endParaRPr lang="da-DK" sz="2400" dirty="0">
              <a:solidFill>
                <a:schemeClr val="accent2"/>
              </a:solidFill>
            </a:endParaRPr>
          </a:p>
          <a:p>
            <a:pPr marL="0" indent="0">
              <a:buNone/>
            </a:pPr>
            <a:endParaRPr lang="da-DK" sz="2400" dirty="0">
              <a:solidFill>
                <a:schemeClr val="accent2"/>
              </a:solidFill>
            </a:endParaRPr>
          </a:p>
        </p:txBody>
      </p:sp>
      <p:pic>
        <p:nvPicPr>
          <p:cNvPr id="5" name="Bildobjekt 4" descr="En bild som visar mönster, pixel, design&#10;&#10;AI-genererat innehåll kan vara felaktigt.">
            <a:extLst>
              <a:ext uri="{FF2B5EF4-FFF2-40B4-BE49-F238E27FC236}">
                <a16:creationId xmlns:a16="http://schemas.microsoft.com/office/drawing/2014/main" id="{256E1182-7B04-6D0B-F6A4-260B1AB849B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44619" y="905314"/>
            <a:ext cx="985232" cy="98523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18261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38165c64-0a89-4562-a44e-e9121ed5033b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38165c64-0a89-4562-a44e-e9121ed5033b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38165c64-0a89-4562-a44e-e9121ed5033b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38165c64-0a89-4562-a44e-e9121ed5033b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38165c64-0a89-4562-a44e-e9121ed5033b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38165c64-0a89-4562-a44e-e9121ed5033b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1_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3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4.xml><?xml version="1.0" encoding="utf-8"?>
<a:theme xmlns:a="http://schemas.openxmlformats.org/drawingml/2006/main" name="1_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B6D85ABFE7BF64E948CD6F4A17DD6CA" ma:contentTypeVersion="21" ma:contentTypeDescription="Create a new document." ma:contentTypeScope="" ma:versionID="580da98a42a3d19979dbd60c0ec734b9">
  <xsd:schema xmlns:xsd="http://www.w3.org/2001/XMLSchema" xmlns:xs="http://www.w3.org/2001/XMLSchema" xmlns:p="http://schemas.microsoft.com/office/2006/metadata/properties" xmlns:ns2="e9795424-e6d3-4861-9e40-983f6eb68278" xmlns:ns3="5f41aaf6-96cd-4269-9ea8-731ca4b50c91" targetNamespace="http://schemas.microsoft.com/office/2006/metadata/properties" ma:root="true" ma:fieldsID="4048712d43d45a3950da756f3e221ec9" ns2:_="" ns3:_="">
    <xsd:import namespace="e9795424-e6d3-4861-9e40-983f6eb68278"/>
    <xsd:import namespace="5f41aaf6-96cd-4269-9ea8-731ca4b50c91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2:LastSharedByUser" minOccurs="0"/>
                <xsd:element ref="ns2:LastSharedByTime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  <xsd:element ref="ns3:MediaLengthInSeconds" minOccurs="0"/>
                <xsd:element ref="ns3:lcf76f155ced4ddcb4097134ff3c332f" minOccurs="0"/>
                <xsd:element ref="ns2:TaxCatchAll" minOccurs="0"/>
                <xsd:element ref="ns3:MediaServiceSearchProperties" minOccurs="0"/>
                <xsd:element ref="ns3:MediaServiceObjectDetectorVersions" minOccurs="0"/>
                <xsd:element ref="ns3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9795424-e6d3-4861-9e40-983f6eb68278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LastSharedByUser" ma:index="10" nillable="true" ma:displayName="Last Shared By Us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1" nillable="true" ma:displayName="Last Shared By Time" ma:description="" ma:internalName="LastSharedByTime" ma:readOnly="true">
      <xsd:simpleType>
        <xsd:restriction base="dms:DateTime"/>
      </xsd:simpleType>
    </xsd:element>
    <xsd:element name="TaxCatchAll" ma:index="25" nillable="true" ma:displayName="Taxonomy Catch All Column" ma:hidden="true" ma:list="{f216d82c-217d-4e7d-aa66-f94d17a9f8b4}" ma:internalName="TaxCatchAll" ma:showField="CatchAllData" ma:web="e9795424-e6d3-4861-9e40-983f6eb68278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f41aaf6-96cd-4269-9ea8-731ca4b50c9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2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4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5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6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7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9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2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2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4" nillable="true" ma:taxonomy="true" ma:internalName="lcf76f155ced4ddcb4097134ff3c332f" ma:taxonomyFieldName="MediaServiceImageTags" ma:displayName="Image Tags" ma:readOnly="false" ma:fieldId="{5cf76f15-5ced-4ddc-b409-7134ff3c332f}" ma:taxonomyMulti="true" ma:sspId="e2f149c7-0b10-4802-9e27-bca7e08befcc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27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BillingMetadata" ma:index="28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e9795424-e6d3-4861-9e40-983f6eb68278">
      <UserInfo>
        <DisplayName>Anna Skogster</DisplayName>
        <AccountId>318</AccountId>
        <AccountType/>
      </UserInfo>
      <UserInfo>
        <DisplayName>Alfiero Zanotto</DisplayName>
        <AccountId>317</AccountId>
        <AccountType/>
      </UserInfo>
      <UserInfo>
        <DisplayName>Katja Långvik</DisplayName>
        <AccountId>475</AccountId>
        <AccountType/>
      </UserInfo>
      <UserInfo>
        <DisplayName>Nina Refsnes</DisplayName>
        <AccountId>482</AccountId>
        <AccountType/>
      </UserInfo>
      <UserInfo>
        <DisplayName>Gintare Ruksenaite</DisplayName>
        <AccountId>528</AccountId>
        <AccountType/>
      </UserInfo>
    </SharedWithUsers>
    <lcf76f155ced4ddcb4097134ff3c332f xmlns="5f41aaf6-96cd-4269-9ea8-731ca4b50c91">
      <Terms xmlns="http://schemas.microsoft.com/office/infopath/2007/PartnerControls"/>
    </lcf76f155ced4ddcb4097134ff3c332f>
    <TaxCatchAll xmlns="e9795424-e6d3-4861-9e40-983f6eb68278" xsi:nil="true"/>
  </documentManagement>
</p:properties>
</file>

<file path=customXml/itemProps1.xml><?xml version="1.0" encoding="utf-8"?>
<ds:datastoreItem xmlns:ds="http://schemas.openxmlformats.org/officeDocument/2006/customXml" ds:itemID="{88B42C65-3875-4572-9F96-3D46E88F2424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EE26DE9D-14C8-40EC-81E4-5C62CE744F6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9795424-e6d3-4861-9e40-983f6eb68278"/>
    <ds:schemaRef ds:uri="5f41aaf6-96cd-4269-9ea8-731ca4b50c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CD15DE43-FEEC-4AEA-B251-7E26B3A580D0}">
  <ds:schemaRefs>
    <ds:schemaRef ds:uri="1aab9d7d-48aa-4cd8-84ea-ca5f52e53d9d"/>
    <ds:schemaRef ds:uri="5f41aaf6-96cd-4269-9ea8-731ca4b50c91"/>
    <ds:schemaRef ds:uri="ba934487-50d9-4e64-8911-2bb6061139ff"/>
    <ds:schemaRef ds:uri="e9795424-e6d3-4861-9e40-983f6eb68278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517</TotalTime>
  <Words>948</Words>
  <Application>Microsoft Office PowerPoint</Application>
  <PresentationFormat>Widescreen</PresentationFormat>
  <Paragraphs>191</Paragraphs>
  <Slides>15</Slides>
  <Notes>13</Notes>
  <HiddenSlides>3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5</vt:i4>
      </vt:variant>
    </vt:vector>
  </HeadingPairs>
  <TitlesOfParts>
    <vt:vector size="25" baseType="lpstr">
      <vt:lpstr>Aptos</vt:lpstr>
      <vt:lpstr>Arial</vt:lpstr>
      <vt:lpstr>Calibri</vt:lpstr>
      <vt:lpstr>Corbel</vt:lpstr>
      <vt:lpstr>Open Sans</vt:lpstr>
      <vt:lpstr>Symbol</vt:lpstr>
      <vt:lpstr>16-9 skabelon UK 2010</vt:lpstr>
      <vt:lpstr>1_16-9 skabelon UK 2010</vt:lpstr>
      <vt:lpstr>16-9 skabelon UK 2010</vt:lpstr>
      <vt:lpstr>1_16-9 skabelon UK 2010</vt:lpstr>
      <vt:lpstr>Millega tegeleb?</vt:lpstr>
      <vt:lpstr>Millega tegeleb?</vt:lpstr>
      <vt:lpstr>Avalik rahastus, strateegilised eesmärgid</vt:lpstr>
      <vt:lpstr>Rahastusprogrammid</vt:lpstr>
      <vt:lpstr>PowerPoint Presentation</vt:lpstr>
      <vt:lpstr>Reisitoetus</vt:lpstr>
      <vt:lpstr>Reisi eesmärk</vt:lpstr>
      <vt:lpstr>Võrgustike toetused</vt:lpstr>
      <vt:lpstr>Võrgustike toetused</vt:lpstr>
      <vt:lpstr>Loomeresidentuuride toetused</vt:lpstr>
      <vt:lpstr>PowerPoint Presentation</vt:lpstr>
      <vt:lpstr>Nõuded</vt:lpstr>
      <vt:lpstr>Taotlusvoorud 2026</vt:lpstr>
      <vt:lpstr>Nõunikud</vt:lpstr>
      <vt:lpstr>Aitäh!  Kadri Sikk Kultuuri ja kogukondliku koostöö nõunik Põhjamaade Ministrite Nõukogu esindus Eestis www.norden.e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ordisk kulturkontakt Pohjoismainen kulttuuripiste Nordic Culture Point</dc:title>
  <dc:creator>Johanna Fredriksson</dc:creator>
  <cp:lastModifiedBy>Kadri Sikk</cp:lastModifiedBy>
  <cp:revision>3</cp:revision>
  <dcterms:modified xsi:type="dcterms:W3CDTF">2026-04-07T12:16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6-08-30T08:08:16.2565521</vt:lpwstr>
  </property>
  <property fmtid="{D5CDD505-2E9C-101B-9397-08002B2CF9AE}" pid="3" name="PluginDependencies_0">
    <vt:lpwstr>{"635690283596553901:636080717053381004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4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5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6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7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8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9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10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1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2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3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4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5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6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7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8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9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20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1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2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3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4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5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6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7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8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9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30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1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2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3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4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5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6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7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8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9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40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1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2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3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4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5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6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7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8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9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50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1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2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3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4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5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6" name="PluginDependencies_53">
    <vt:lpwstr>taSource","dependencyId":":","dependencyVersion":null},{"dependencyType":"DataSource","dependencyId":":","dependencyVersion":null},{"dependencyType":"DataSource","dependencyId":":","dependencyVersion":null},{"dependencyType":"DataSource","dependencyId":":</vt:lpwstr>
  </property>
  <property fmtid="{D5CDD505-2E9C-101B-9397-08002B2CF9AE}" pid="57" name="PluginDependencies_54">
    <vt:lpwstr>","dependencyVersion":null},{"dependencyType":"DataSource","dependencyId":":","dependencyVersion":null},{"dependencyType":"DataSource","dependencyId":":","dependencyVersion":null},{"dependencyType":"DataSource","dependencyId":":","dependencyVersion":null}</vt:lpwstr>
  </property>
  <property fmtid="{D5CDD505-2E9C-101B-9397-08002B2CF9AE}" pid="58" name="PluginDependencies_55">
    <vt:lpwstr>,{"dependencyType":"DataSource","dependencyId":":","dependencyVersion":null},{"dependencyType":"DataSource","dependencyId":":","dependencyVersion":null},{"dependencyType":"DataSource","dependencyId":":","dependencyVersion":null},{"dependencyType":"DataSou</vt:lpwstr>
  </property>
  <property fmtid="{D5CDD505-2E9C-101B-9397-08002B2CF9AE}" pid="59" name="PluginDependencies_56">
    <vt:lpwstr>rce","dependencyId":":","dependencyVersion":null},{"dependencyType":"DataSource","dependencyId":":","dependencyVersion":null},{"dependencyType":"DataSource","dependencyId":":","dependencyVersion":null},{"dependencyType":"DataSource","dependencyId":":","de</vt:lpwstr>
  </property>
  <property fmtid="{D5CDD505-2E9C-101B-9397-08002B2CF9AE}" pid="60" name="PluginDependencies_57">
    <vt:lpwstr>pendencyVersion":null},{"dependencyType":"DataSource","dependencyId":":","dependencyVersion":null},{"dependencyType":"DataSource","dependencyId":":","dependencyVersion":null},{"dependencyType":"DataSource","dependencyId":":","dependencyVersion":null},{"de</vt:lpwstr>
  </property>
  <property fmtid="{D5CDD505-2E9C-101B-9397-08002B2CF9AE}" pid="61" name="PluginDependencies_58">
    <vt:lpwstr>pendencyType":"DataSource","dependencyId":":","dependencyVersion":null},{"dependencyType":"DataSource","dependencyId":":","dependencyVersion":null},{"dependencyType":"DataSource","dependencyId":":","dependencyVersion":null},{"dependencyType":"DataSource",</vt:lpwstr>
  </property>
  <property fmtid="{D5CDD505-2E9C-101B-9397-08002B2CF9AE}" pid="62" name="PluginDependencies_59">
    <vt:lpwstr>"dependencyId":":","dependencyVersion":null},{"dependencyType":"DataSource","dependencyId":":","dependencyVersion":null},{"dependencyType":"DataSource","dependencyId":":","dependencyVersion":null},{"dependencyType":"DataSource","dependencyId":":","depende</vt:lpwstr>
  </property>
  <property fmtid="{D5CDD505-2E9C-101B-9397-08002B2CF9AE}" pid="63" name="PluginDependencies_60">
    <vt:lpwstr>ncyVersion":null},{"dependencyType":"DataSource","dependencyId":":","dependencyVersion":null},{"dependencyType":"DataSource","dependencyId":":","dependencyVersion":null},{"dependencyType":"DataSource","dependencyId":":","dependencyVersion":null},{"depende</vt:lpwstr>
  </property>
  <property fmtid="{D5CDD505-2E9C-101B-9397-08002B2CF9AE}" pid="64" name="PluginDependencies_61">
    <vt:lpwstr>ncyType":"DataSource","dependencyId":":","dependencyVersion":null},{"dependencyType":"DataSource","dependencyId":":","dependencyVersion":null},{"dependencyType":"DataSource","dependencyId":":","dependencyVersion":null},{"dependencyType":"DataSource","depe</vt:lpwstr>
  </property>
  <property fmtid="{D5CDD505-2E9C-101B-9397-08002B2CF9AE}" pid="65" name="PluginDependencies_62">
    <vt:lpwstr>ndencyId":":","dependencyVersion":null},{"dependencyType":"DataSource","dependencyId":":","dependencyVersion":null},{"dependencyType":"DataSource","dependencyId":":","dependencyVersion":null},{"dependencyType":"DataSource","dependencyId":":","dependencyVe</vt:lpwstr>
  </property>
  <property fmtid="{D5CDD505-2E9C-101B-9397-08002B2CF9AE}" pid="66" name="PluginDependencies_63">
    <vt:lpwstr>rsion":null},{"dependencyType":"DataSource","dependencyId":":","dependencyVersion":null},{"dependencyType":"DataSource","dependencyId":":","dependencyVersion":null},{"dependencyType":"DataSource","dependencyId":":","dependencyVersion":null},{"dependencyTy</vt:lpwstr>
  </property>
  <property fmtid="{D5CDD505-2E9C-101B-9397-08002B2CF9AE}" pid="67" name="PluginDependencies_64">
    <vt:lpwstr>pe":"DataSource","dependencyId":":","dependencyVersion":null},{"dependencyType":"DataSource","dependencyId":":","dependencyVersion":null},{"dependencyType":"DataSource","dependencyId":":","dependencyVersion":null},{"dependencyType":"DataSource","dependenc</vt:lpwstr>
  </property>
  <property fmtid="{D5CDD505-2E9C-101B-9397-08002B2CF9AE}" pid="68" name="PluginDependencies_65">
    <vt:lpwstr>yId":":","dependencyVersion":null},{"dependencyType":"DataSource","dependencyId":":","dependencyVersion":null},{"dependencyType":"DataSource","dependencyId":":","dependencyVersion":null},{"dependencyType":"DataSource","dependencyId":":","dependencyVersion</vt:lpwstr>
  </property>
  <property fmtid="{D5CDD505-2E9C-101B-9397-08002B2CF9AE}" pid="69" name="PluginDependencies_66">
    <vt:lpwstr>":null},{"dependencyType":"DataSource","dependencyId":":","dependencyVersion":null},{"dependencyType":"DataSource","dependencyId":":","dependencyVersion":null},{"dependencyType":"DataSource","dependencyId":":","dependencyVersion":null},{"dependencyType":"</vt:lpwstr>
  </property>
  <property fmtid="{D5CDD505-2E9C-101B-9397-08002B2CF9AE}" pid="70" name="PluginDependencies_67">
    <vt:lpwstr>DataSource","dependencyId":":","dependencyVersion":null},{"dependencyType":"DataSource","dependencyId":":","dependencyVersion":null},{"dependencyType":"DataSource","dependencyId":":","dependencyVersion":null},{"dependencyType":"DataSource","dependencyId":</vt:lpwstr>
  </property>
  <property fmtid="{D5CDD505-2E9C-101B-9397-08002B2CF9AE}" pid="71" name="PluginDependencies_68">
    <vt:lpwstr>":","dependencyVersion":null},{"dependencyType":"DataSource","dependencyId":":","dependencyVersion":null},{"dependencyType":"DataSource","dependencyId":":","dependencyVersion":null},{"dependencyType":"DataSource","dependencyId":":","dependencyVersion":nul</vt:lpwstr>
  </property>
  <property fmtid="{D5CDD505-2E9C-101B-9397-08002B2CF9AE}" pid="72" name="PluginDependencies_69">
    <vt:lpwstr>l},{"dependencyType":"DataSource","dependencyId":":","dependencyVersion":null},{"dependencyType":"DataSource","dependencyId":":","dependencyVersion":null},{"dependencyType":"DataSource","dependencyId":":","dependencyVersion":null},{"dependencyType":"DataS</vt:lpwstr>
  </property>
  <property fmtid="{D5CDD505-2E9C-101B-9397-08002B2CF9AE}" pid="73" name="PluginDependencies_70">
    <vt:lpwstr>ource","dependencyId":":","dependencyVersion":null},{"dependencyType":"DataSource","dependencyId":":","dependencyVersion":null},{"dependencyType":"DataSource","dependencyId":":","dependencyVersion":null},{"dependencyType":"DataSource","dependencyId":":","</vt:lpwstr>
  </property>
  <property fmtid="{D5CDD505-2E9C-101B-9397-08002B2CF9AE}" pid="74" name="PluginDependencies_71">
    <vt:lpwstr>dependencyVersion":null},{"dependencyType":"DataSource","dependencyId":":","dependencyVersion":null},{"dependencyType":"DataSource","dependencyId":":","dependencyVersion":null},{"dependencyType":"DataSource","dependencyId":":","dependencyVersion":null},{"</vt:lpwstr>
  </property>
  <property fmtid="{D5CDD505-2E9C-101B-9397-08002B2CF9AE}" pid="75" name="PluginDependencies_72">
    <vt:lpwstr>dependencyType":"DataSource","dependencyId":":","dependencyVersion":null},{"dependencyType":"DataSource","dependencyId":":","dependencyVersion":null},{"dependencyType":"DataSource","dependencyId":":","dependencyVersion":null},{"dependencyType":"DataSource</vt:lpwstr>
  </property>
  <property fmtid="{D5CDD505-2E9C-101B-9397-08002B2CF9AE}" pid="76" name="PluginDependencies_73">
    <vt:lpwstr>","dependencyId":":","dependencyVersion":null},{"dependencyType":"DataSource","dependencyId":":","dependencyVersion":null},{"dependencyType":"DataSource","dependencyId":":","dependencyVersion":null},{"dependencyType":"DataSource","dependencyId":":","depen</vt:lpwstr>
  </property>
  <property fmtid="{D5CDD505-2E9C-101B-9397-08002B2CF9AE}" pid="77" name="PluginDependencies_74">
    <vt:lpwstr>dencyVersion":null},{"dependencyType":"DataSource","dependencyId":":","dependencyVersion":null},{"dependencyType":"DataSource","dependencyId":":","dependencyVersion":null},{"dependencyType":"DataSource","dependencyId":":","dependencyVersion":null},{"depen</vt:lpwstr>
  </property>
  <property fmtid="{D5CDD505-2E9C-101B-9397-08002B2CF9AE}" pid="78" name="PluginDependencies_75">
    <vt:lpwstr>dencyType":"DataSource","dependencyId":":","dependencyVersion":null}],"635690283596553901:636080636302248651":[],"635690283596553901:636081583741482709":[],"635690283596553901:635953638118278257":[],"635690283596553901:636080643095002841":[],"635690283596</vt:lpwstr>
  </property>
  <property fmtid="{D5CDD505-2E9C-101B-9397-08002B2CF9AE}" pid="79" name="PluginDependencies_76">
    <vt:lpwstr>553901:636080645038566739":[],"635690283596553901:636080651780303232":[],"635690283596553901:636111910626045602":[]}</vt:lpwstr>
  </property>
  <property fmtid="{D5CDD505-2E9C-101B-9397-08002B2CF9AE}" pid="80" name="CustomerId">
    <vt:lpwstr>norden</vt:lpwstr>
  </property>
  <property fmtid="{D5CDD505-2E9C-101B-9397-08002B2CF9AE}" pid="81" name="TemplateId">
    <vt:lpwstr>636082445339213892</vt:lpwstr>
  </property>
  <property fmtid="{D5CDD505-2E9C-101B-9397-08002B2CF9AE}" pid="82" name="UserProfileId">
    <vt:lpwstr>636099598057940813</vt:lpwstr>
  </property>
  <property fmtid="{D5CDD505-2E9C-101B-9397-08002B2CF9AE}" pid="83" name="ContentTypeId">
    <vt:lpwstr>0x010100DB6D85ABFE7BF64E948CD6F4A17DD6CA</vt:lpwstr>
  </property>
  <property fmtid="{D5CDD505-2E9C-101B-9397-08002B2CF9AE}" pid="84" name="MediaServiceImageTags">
    <vt:lpwstr/>
  </property>
</Properties>
</file>